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"/>
  </p:notesMasterIdLst>
  <p:sldIdLst>
    <p:sldId id="256" r:id="rId2"/>
    <p:sldId id="257" r:id="rId3"/>
    <p:sldId id="261" r:id="rId4"/>
    <p:sldId id="262" r:id="rId5"/>
    <p:sldId id="265" r:id="rId6"/>
    <p:sldId id="264" r:id="rId7"/>
  </p:sldIdLst>
  <p:sldSz cx="9144000" cy="6858000" type="screen4x3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706" autoAdjust="0"/>
    <p:restoredTop sz="94660"/>
  </p:normalViewPr>
  <p:slideViewPr>
    <p:cSldViewPr>
      <p:cViewPr varScale="1">
        <p:scale>
          <a:sx n="69" d="100"/>
          <a:sy n="69" d="100"/>
        </p:scale>
        <p:origin x="1452" y="4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858CCB2-32F3-4EE2-B5A9-F1E77B18D7DB}" type="doc">
      <dgm:prSet loTypeId="urn:microsoft.com/office/officeart/2005/8/layout/process4" loCatId="list" qsTypeId="urn:microsoft.com/office/officeart/2005/8/quickstyle/3d3" qsCatId="3D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2B980E60-EA38-414E-9FCB-2C9A0DF1A625}">
      <dgm:prSet phldrT="[Текст]"/>
      <dgm:spPr/>
      <dgm:t>
        <a:bodyPr/>
        <a:lstStyle/>
        <a:p>
          <a:r>
            <a:rPr lang="kk-KZ" dirty="0" smtClean="0"/>
            <a:t>Период</a:t>
          </a:r>
          <a:endParaRPr lang="ru-RU" dirty="0"/>
        </a:p>
      </dgm:t>
    </dgm:pt>
    <dgm:pt modelId="{4F38F562-01D2-4DA5-BC3A-A1CCB1685A19}" type="parTrans" cxnId="{1FF4EB85-8E10-4F50-88A6-B7E1F894A13F}">
      <dgm:prSet/>
      <dgm:spPr/>
      <dgm:t>
        <a:bodyPr/>
        <a:lstStyle/>
        <a:p>
          <a:endParaRPr lang="ru-RU"/>
        </a:p>
      </dgm:t>
    </dgm:pt>
    <dgm:pt modelId="{B49DB5EE-5492-41F6-A69E-5A77A2440447}" type="sibTrans" cxnId="{1FF4EB85-8E10-4F50-88A6-B7E1F894A13F}">
      <dgm:prSet/>
      <dgm:spPr/>
      <dgm:t>
        <a:bodyPr/>
        <a:lstStyle/>
        <a:p>
          <a:endParaRPr lang="ru-RU"/>
        </a:p>
      </dgm:t>
    </dgm:pt>
    <dgm:pt modelId="{78B1B958-015B-4F17-B07E-8C1F782B11DB}">
      <dgm:prSet/>
      <dgm:spPr/>
      <dgm:t>
        <a:bodyPr/>
        <a:lstStyle/>
        <a:p>
          <a:r>
            <a:rPr lang="kk-KZ" dirty="0" smtClean="0"/>
            <a:t>Длительность</a:t>
          </a:r>
          <a:endParaRPr lang="kk-KZ" dirty="0" smtClean="0"/>
        </a:p>
      </dgm:t>
    </dgm:pt>
    <dgm:pt modelId="{1B9CB71B-ED88-4102-9FF2-1560788FAB2D}" type="parTrans" cxnId="{3D2AF346-0CE6-4688-BE0E-ECD147AB0091}">
      <dgm:prSet/>
      <dgm:spPr/>
      <dgm:t>
        <a:bodyPr/>
        <a:lstStyle/>
        <a:p>
          <a:endParaRPr lang="ru-RU"/>
        </a:p>
      </dgm:t>
    </dgm:pt>
    <dgm:pt modelId="{F0D8D99D-AA53-44B5-8C8F-807724080D0F}" type="sibTrans" cxnId="{3D2AF346-0CE6-4688-BE0E-ECD147AB0091}">
      <dgm:prSet/>
      <dgm:spPr/>
      <dgm:t>
        <a:bodyPr/>
        <a:lstStyle/>
        <a:p>
          <a:endParaRPr lang="ru-RU"/>
        </a:p>
      </dgm:t>
    </dgm:pt>
    <dgm:pt modelId="{F10FFD8D-E8C6-4D76-AAD4-E63C145173BD}">
      <dgm:prSet/>
      <dgm:spPr/>
      <dgm:t>
        <a:bodyPr/>
        <a:lstStyle/>
        <a:p>
          <a:r>
            <a:rPr lang="kk-KZ" dirty="0" smtClean="0"/>
            <a:t>Компания стажировки</a:t>
          </a:r>
          <a:endParaRPr lang="kk-KZ" dirty="0" smtClean="0"/>
        </a:p>
      </dgm:t>
    </dgm:pt>
    <dgm:pt modelId="{93BC350B-B446-43AC-8CE7-FD413CCED68C}" type="parTrans" cxnId="{44442BE7-45A8-4942-9FA0-F6080E60228C}">
      <dgm:prSet/>
      <dgm:spPr/>
      <dgm:t>
        <a:bodyPr/>
        <a:lstStyle/>
        <a:p>
          <a:endParaRPr lang="ru-RU"/>
        </a:p>
      </dgm:t>
    </dgm:pt>
    <dgm:pt modelId="{A3152836-13EC-4D27-8D62-B2081EE9B5A2}" type="sibTrans" cxnId="{44442BE7-45A8-4942-9FA0-F6080E60228C}">
      <dgm:prSet/>
      <dgm:spPr/>
      <dgm:t>
        <a:bodyPr/>
        <a:lstStyle/>
        <a:p>
          <a:endParaRPr lang="ru-RU"/>
        </a:p>
      </dgm:t>
    </dgm:pt>
    <dgm:pt modelId="{92210D78-1A70-4FEE-870F-1BBD5B08CA99}">
      <dgm:prSet/>
      <dgm:spPr/>
      <dgm:t>
        <a:bodyPr/>
        <a:lstStyle/>
        <a:p>
          <a:r>
            <a:rPr lang="kk-KZ" dirty="0" smtClean="0"/>
            <a:t>Наставники</a:t>
          </a:r>
          <a:endParaRPr lang="kk-KZ" dirty="0" smtClean="0"/>
        </a:p>
      </dgm:t>
    </dgm:pt>
    <dgm:pt modelId="{8235775A-3810-40D0-B913-C57977E7D703}" type="parTrans" cxnId="{A1414A9E-2607-4F93-A464-59B431041D46}">
      <dgm:prSet/>
      <dgm:spPr/>
      <dgm:t>
        <a:bodyPr/>
        <a:lstStyle/>
        <a:p>
          <a:endParaRPr lang="ru-RU"/>
        </a:p>
      </dgm:t>
    </dgm:pt>
    <dgm:pt modelId="{8F317263-F676-4F13-A48F-B94799D47EED}" type="sibTrans" cxnId="{A1414A9E-2607-4F93-A464-59B431041D46}">
      <dgm:prSet/>
      <dgm:spPr/>
      <dgm:t>
        <a:bodyPr/>
        <a:lstStyle/>
        <a:p>
          <a:endParaRPr lang="ru-RU"/>
        </a:p>
      </dgm:t>
    </dgm:pt>
    <dgm:pt modelId="{BB1207C9-4B1B-4CF3-B18A-F504A686FA72}">
      <dgm:prSet/>
      <dgm:spPr/>
      <dgm:t>
        <a:bodyPr/>
        <a:lstStyle/>
        <a:p>
          <a:r>
            <a:rPr lang="kk-KZ" dirty="0" smtClean="0"/>
            <a:t>Бойков Виталий</a:t>
          </a:r>
          <a:endParaRPr lang="en-US" dirty="0" smtClean="0"/>
        </a:p>
      </dgm:t>
    </dgm:pt>
    <dgm:pt modelId="{8342EB0C-F28C-4DC8-B1F1-9B1E7DC9B87E}" type="parTrans" cxnId="{37BF6495-3D24-4D4A-B636-00FEB66A7EBD}">
      <dgm:prSet/>
      <dgm:spPr/>
      <dgm:t>
        <a:bodyPr/>
        <a:lstStyle/>
        <a:p>
          <a:endParaRPr lang="ru-RU"/>
        </a:p>
      </dgm:t>
    </dgm:pt>
    <dgm:pt modelId="{9DE0B5CA-1004-4E24-A54B-43CA2C1BDC16}" type="sibTrans" cxnId="{37BF6495-3D24-4D4A-B636-00FEB66A7EBD}">
      <dgm:prSet/>
      <dgm:spPr/>
      <dgm:t>
        <a:bodyPr/>
        <a:lstStyle/>
        <a:p>
          <a:endParaRPr lang="ru-RU"/>
        </a:p>
      </dgm:t>
    </dgm:pt>
    <dgm:pt modelId="{45023F48-97E9-48E0-9ED8-1B2FFC004234}">
      <dgm:prSet phldrT="[Текст]"/>
      <dgm:spPr/>
      <dgm:t>
        <a:bodyPr/>
        <a:lstStyle/>
        <a:p>
          <a:r>
            <a:rPr lang="kk-KZ" dirty="0" smtClean="0"/>
            <a:t>17 июня-6 сентября</a:t>
          </a:r>
          <a:endParaRPr lang="ru-RU" dirty="0"/>
        </a:p>
      </dgm:t>
    </dgm:pt>
    <dgm:pt modelId="{44D4A321-1E3F-429D-95A4-EDEAE466A427}" type="parTrans" cxnId="{EF9D2E88-7A10-4EEB-B67A-C90277AA2194}">
      <dgm:prSet/>
      <dgm:spPr/>
      <dgm:t>
        <a:bodyPr/>
        <a:lstStyle/>
        <a:p>
          <a:endParaRPr lang="ru-RU"/>
        </a:p>
      </dgm:t>
    </dgm:pt>
    <dgm:pt modelId="{EB701D46-8ACA-4435-B58C-3AAD41E59E40}" type="sibTrans" cxnId="{EF9D2E88-7A10-4EEB-B67A-C90277AA2194}">
      <dgm:prSet/>
      <dgm:spPr/>
      <dgm:t>
        <a:bodyPr/>
        <a:lstStyle/>
        <a:p>
          <a:endParaRPr lang="ru-RU"/>
        </a:p>
      </dgm:t>
    </dgm:pt>
    <dgm:pt modelId="{37D2647B-3ABA-4D00-8B80-B4BE1820D683}">
      <dgm:prSet/>
      <dgm:spPr/>
      <dgm:t>
        <a:bodyPr/>
        <a:lstStyle/>
        <a:p>
          <a:r>
            <a:rPr lang="kk-KZ" smtClean="0"/>
            <a:t>82 </a:t>
          </a:r>
          <a:r>
            <a:rPr lang="kk-KZ" dirty="0" smtClean="0"/>
            <a:t>дней</a:t>
          </a:r>
          <a:endParaRPr lang="kk-KZ" dirty="0" smtClean="0"/>
        </a:p>
      </dgm:t>
    </dgm:pt>
    <dgm:pt modelId="{86D348DC-15D0-4CA7-8BE6-7B7869D7367A}" type="parTrans" cxnId="{48711A42-B5A6-41BF-8925-DCD92076D5D1}">
      <dgm:prSet/>
      <dgm:spPr/>
      <dgm:t>
        <a:bodyPr/>
        <a:lstStyle/>
        <a:p>
          <a:endParaRPr lang="ru-RU"/>
        </a:p>
      </dgm:t>
    </dgm:pt>
    <dgm:pt modelId="{E241AB6A-B36A-4304-B9AA-394B51BB7656}" type="sibTrans" cxnId="{48711A42-B5A6-41BF-8925-DCD92076D5D1}">
      <dgm:prSet/>
      <dgm:spPr/>
      <dgm:t>
        <a:bodyPr/>
        <a:lstStyle/>
        <a:p>
          <a:endParaRPr lang="ru-RU"/>
        </a:p>
      </dgm:t>
    </dgm:pt>
    <dgm:pt modelId="{01CB80B4-7BED-489D-A297-61523AEBDE4D}">
      <dgm:prSet/>
      <dgm:spPr/>
      <dgm:t>
        <a:bodyPr/>
        <a:lstStyle/>
        <a:p>
          <a:r>
            <a:rPr lang="kk-KZ" dirty="0" smtClean="0"/>
            <a:t>АО </a:t>
          </a:r>
          <a:r>
            <a:rPr lang="en-US" dirty="0" smtClean="0"/>
            <a:t>“</a:t>
          </a:r>
          <a:r>
            <a:rPr lang="en-US" dirty="0" err="1" smtClean="0"/>
            <a:t>Kcell</a:t>
          </a:r>
          <a:r>
            <a:rPr lang="en-US" dirty="0" smtClean="0"/>
            <a:t>”</a:t>
          </a:r>
          <a:endParaRPr lang="kk-KZ" dirty="0" smtClean="0"/>
        </a:p>
      </dgm:t>
    </dgm:pt>
    <dgm:pt modelId="{DF8FE819-BACD-4855-9C88-8723573596CC}" type="parTrans" cxnId="{D209F141-8B1F-4EA2-B3DB-DFA595DEE150}">
      <dgm:prSet/>
      <dgm:spPr/>
      <dgm:t>
        <a:bodyPr/>
        <a:lstStyle/>
        <a:p>
          <a:endParaRPr lang="ru-RU"/>
        </a:p>
      </dgm:t>
    </dgm:pt>
    <dgm:pt modelId="{FC629DC6-6F3C-43BC-99E3-84ED2D316438}" type="sibTrans" cxnId="{D209F141-8B1F-4EA2-B3DB-DFA595DEE150}">
      <dgm:prSet/>
      <dgm:spPr/>
      <dgm:t>
        <a:bodyPr/>
        <a:lstStyle/>
        <a:p>
          <a:endParaRPr lang="ru-RU"/>
        </a:p>
      </dgm:t>
    </dgm:pt>
    <dgm:pt modelId="{02898908-7D4F-472E-8568-F19AEE3C973C}">
      <dgm:prSet/>
      <dgm:spPr/>
      <dgm:t>
        <a:bodyPr/>
        <a:lstStyle/>
        <a:p>
          <a:r>
            <a:rPr lang="kk-KZ" dirty="0" smtClean="0"/>
            <a:t>Отдел бизнес аналитики</a:t>
          </a:r>
          <a:endParaRPr lang="kk-KZ" dirty="0" smtClean="0"/>
        </a:p>
      </dgm:t>
    </dgm:pt>
    <dgm:pt modelId="{D5E1729A-7928-4195-8472-8FF1BD83B75E}" type="parTrans" cxnId="{A6DA1E53-847A-46D7-B46A-BFE41D0BA3C2}">
      <dgm:prSet/>
      <dgm:spPr/>
      <dgm:t>
        <a:bodyPr/>
        <a:lstStyle/>
        <a:p>
          <a:endParaRPr lang="ru-RU"/>
        </a:p>
      </dgm:t>
    </dgm:pt>
    <dgm:pt modelId="{58DB777B-A5D5-41A6-83CF-A2F25B94799C}" type="sibTrans" cxnId="{A6DA1E53-847A-46D7-B46A-BFE41D0BA3C2}">
      <dgm:prSet/>
      <dgm:spPr/>
      <dgm:t>
        <a:bodyPr/>
        <a:lstStyle/>
        <a:p>
          <a:endParaRPr lang="ru-RU"/>
        </a:p>
      </dgm:t>
    </dgm:pt>
    <dgm:pt modelId="{B51E17B1-5E73-479A-99B6-BC97326D9DB6}">
      <dgm:prSet/>
      <dgm:spPr/>
      <dgm:t>
        <a:bodyPr/>
        <a:lstStyle/>
        <a:p>
          <a:r>
            <a:rPr lang="kk-KZ" dirty="0" smtClean="0"/>
            <a:t>Альмагамбетова Эльмира</a:t>
          </a:r>
          <a:endParaRPr lang="kk-KZ" dirty="0" smtClean="0"/>
        </a:p>
      </dgm:t>
    </dgm:pt>
    <dgm:pt modelId="{82B84945-0FC8-454D-903A-A6FA1CAB1448}" type="parTrans" cxnId="{835BC49E-E0D7-401C-9D9B-AA0F30257F2E}">
      <dgm:prSet/>
      <dgm:spPr/>
      <dgm:t>
        <a:bodyPr/>
        <a:lstStyle/>
        <a:p>
          <a:endParaRPr lang="ru-RU"/>
        </a:p>
      </dgm:t>
    </dgm:pt>
    <dgm:pt modelId="{217886B6-7E48-4CC4-9DE0-103FDD2E06A6}" type="sibTrans" cxnId="{835BC49E-E0D7-401C-9D9B-AA0F30257F2E}">
      <dgm:prSet/>
      <dgm:spPr/>
      <dgm:t>
        <a:bodyPr/>
        <a:lstStyle/>
        <a:p>
          <a:endParaRPr lang="ru-RU"/>
        </a:p>
      </dgm:t>
    </dgm:pt>
    <dgm:pt modelId="{4D9F72A3-7202-4327-A271-19DA6ACBFD7D}" type="pres">
      <dgm:prSet presAssocID="{6858CCB2-32F3-4EE2-B5A9-F1E77B18D7DB}" presName="Name0" presStyleCnt="0">
        <dgm:presLayoutVars>
          <dgm:dir/>
          <dgm:animLvl val="lvl"/>
          <dgm:resizeHandles val="exact"/>
        </dgm:presLayoutVars>
      </dgm:prSet>
      <dgm:spPr/>
    </dgm:pt>
    <dgm:pt modelId="{ACE2FCB9-D92D-4C00-879F-D9592D64AF8C}" type="pres">
      <dgm:prSet presAssocID="{92210D78-1A70-4FEE-870F-1BBD5B08CA99}" presName="boxAndChildren" presStyleCnt="0"/>
      <dgm:spPr/>
    </dgm:pt>
    <dgm:pt modelId="{4D767C4C-B7F3-466B-B35C-EEF7AE2C1A71}" type="pres">
      <dgm:prSet presAssocID="{92210D78-1A70-4FEE-870F-1BBD5B08CA99}" presName="parentTextBox" presStyleLbl="node1" presStyleIdx="0" presStyleCnt="4"/>
      <dgm:spPr/>
    </dgm:pt>
    <dgm:pt modelId="{039A6231-DC05-4E3A-B91D-4D36A0F9F348}" type="pres">
      <dgm:prSet presAssocID="{92210D78-1A70-4FEE-870F-1BBD5B08CA99}" presName="entireBox" presStyleLbl="node1" presStyleIdx="0" presStyleCnt="4"/>
      <dgm:spPr/>
    </dgm:pt>
    <dgm:pt modelId="{8B0F3F4D-D308-44FF-A1D4-EC42A0DF58D0}" type="pres">
      <dgm:prSet presAssocID="{92210D78-1A70-4FEE-870F-1BBD5B08CA99}" presName="descendantBox" presStyleCnt="0"/>
      <dgm:spPr/>
    </dgm:pt>
    <dgm:pt modelId="{0A0D18E2-3F98-4F44-A159-3EBFEED57AE9}" type="pres">
      <dgm:prSet presAssocID="{B51E17B1-5E73-479A-99B6-BC97326D9DB6}" presName="childTextBox" presStyleLbl="fgAccFollowNode1" presStyleIdx="0" presStyleCnt="6">
        <dgm:presLayoutVars>
          <dgm:bulletEnabled val="1"/>
        </dgm:presLayoutVars>
      </dgm:prSet>
      <dgm:spPr/>
    </dgm:pt>
    <dgm:pt modelId="{132792CC-FB4D-4E64-A612-E951CA0F5CE2}" type="pres">
      <dgm:prSet presAssocID="{BB1207C9-4B1B-4CF3-B18A-F504A686FA72}" presName="childTextBox" presStyleLbl="fgAccFollowNode1" presStyleIdx="1" presStyleCnt="6">
        <dgm:presLayoutVars>
          <dgm:bulletEnabled val="1"/>
        </dgm:presLayoutVars>
      </dgm:prSet>
      <dgm:spPr/>
    </dgm:pt>
    <dgm:pt modelId="{731AEC3A-8015-465B-A9A7-3D88341A798E}" type="pres">
      <dgm:prSet presAssocID="{A3152836-13EC-4D27-8D62-B2081EE9B5A2}" presName="sp" presStyleCnt="0"/>
      <dgm:spPr/>
    </dgm:pt>
    <dgm:pt modelId="{0899328D-BE56-4242-A3FF-642A63E21533}" type="pres">
      <dgm:prSet presAssocID="{F10FFD8D-E8C6-4D76-AAD4-E63C145173BD}" presName="arrowAndChildren" presStyleCnt="0"/>
      <dgm:spPr/>
    </dgm:pt>
    <dgm:pt modelId="{D796CA33-4576-417E-BD11-AD844327D844}" type="pres">
      <dgm:prSet presAssocID="{F10FFD8D-E8C6-4D76-AAD4-E63C145173BD}" presName="parentTextArrow" presStyleLbl="node1" presStyleIdx="0" presStyleCnt="4"/>
      <dgm:spPr/>
      <dgm:t>
        <a:bodyPr/>
        <a:lstStyle/>
        <a:p>
          <a:endParaRPr lang="ru-RU"/>
        </a:p>
      </dgm:t>
    </dgm:pt>
    <dgm:pt modelId="{BD5C6703-0418-4B28-80AE-D8CBDAB03352}" type="pres">
      <dgm:prSet presAssocID="{F10FFD8D-E8C6-4D76-AAD4-E63C145173BD}" presName="arrow" presStyleLbl="node1" presStyleIdx="1" presStyleCnt="4"/>
      <dgm:spPr/>
      <dgm:t>
        <a:bodyPr/>
        <a:lstStyle/>
        <a:p>
          <a:endParaRPr lang="ru-RU"/>
        </a:p>
      </dgm:t>
    </dgm:pt>
    <dgm:pt modelId="{29771DFB-F20F-40DB-9FDB-1F16B74EB552}" type="pres">
      <dgm:prSet presAssocID="{F10FFD8D-E8C6-4D76-AAD4-E63C145173BD}" presName="descendantArrow" presStyleCnt="0"/>
      <dgm:spPr/>
    </dgm:pt>
    <dgm:pt modelId="{0A354812-29B5-4CAC-A187-86251DC295F2}" type="pres">
      <dgm:prSet presAssocID="{01CB80B4-7BED-489D-A297-61523AEBDE4D}" presName="childTextArrow" presStyleLbl="fgAccFollowNode1" presStyleIdx="2" presStyleCnt="6">
        <dgm:presLayoutVars>
          <dgm:bulletEnabled val="1"/>
        </dgm:presLayoutVars>
      </dgm:prSet>
      <dgm:spPr/>
    </dgm:pt>
    <dgm:pt modelId="{A26BE443-31E9-4319-9252-479B8DB45110}" type="pres">
      <dgm:prSet presAssocID="{02898908-7D4F-472E-8568-F19AEE3C973C}" presName="childTextArrow" presStyleLbl="fgAccFollowNode1" presStyleIdx="3" presStyleCnt="6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683E48FD-C842-44E5-A231-E7B940206A90}" type="pres">
      <dgm:prSet presAssocID="{F0D8D99D-AA53-44B5-8C8F-807724080D0F}" presName="sp" presStyleCnt="0"/>
      <dgm:spPr/>
    </dgm:pt>
    <dgm:pt modelId="{3FED78D8-EF80-4BA6-8DC1-F43D5CE4C04D}" type="pres">
      <dgm:prSet presAssocID="{78B1B958-015B-4F17-B07E-8C1F782B11DB}" presName="arrowAndChildren" presStyleCnt="0"/>
      <dgm:spPr/>
    </dgm:pt>
    <dgm:pt modelId="{88263ECC-958D-4065-A4A9-594D10BEDC74}" type="pres">
      <dgm:prSet presAssocID="{78B1B958-015B-4F17-B07E-8C1F782B11DB}" presName="parentTextArrow" presStyleLbl="node1" presStyleIdx="1" presStyleCnt="4"/>
      <dgm:spPr/>
      <dgm:t>
        <a:bodyPr/>
        <a:lstStyle/>
        <a:p>
          <a:endParaRPr lang="ru-RU"/>
        </a:p>
      </dgm:t>
    </dgm:pt>
    <dgm:pt modelId="{5A4A8E7A-D86A-4729-9A96-F717466AA81C}" type="pres">
      <dgm:prSet presAssocID="{78B1B958-015B-4F17-B07E-8C1F782B11DB}" presName="arrow" presStyleLbl="node1" presStyleIdx="2" presStyleCnt="4"/>
      <dgm:spPr/>
      <dgm:t>
        <a:bodyPr/>
        <a:lstStyle/>
        <a:p>
          <a:endParaRPr lang="ru-RU"/>
        </a:p>
      </dgm:t>
    </dgm:pt>
    <dgm:pt modelId="{345FBAB9-DAFD-4D70-B16E-1AAE581E52FE}" type="pres">
      <dgm:prSet presAssocID="{78B1B958-015B-4F17-B07E-8C1F782B11DB}" presName="descendantArrow" presStyleCnt="0"/>
      <dgm:spPr/>
    </dgm:pt>
    <dgm:pt modelId="{F4F3606C-B156-439F-9E92-E4590E4FE319}" type="pres">
      <dgm:prSet presAssocID="{37D2647B-3ABA-4D00-8B80-B4BE1820D683}" presName="childTextArrow" presStyleLbl="fgAccFollowNode1" presStyleIdx="4" presStyleCnt="6">
        <dgm:presLayoutVars>
          <dgm:bulletEnabled val="1"/>
        </dgm:presLayoutVars>
      </dgm:prSet>
      <dgm:spPr/>
    </dgm:pt>
    <dgm:pt modelId="{F9477770-53DA-40D9-9E23-C18D6C6CA1D9}" type="pres">
      <dgm:prSet presAssocID="{B49DB5EE-5492-41F6-A69E-5A77A2440447}" presName="sp" presStyleCnt="0"/>
      <dgm:spPr/>
    </dgm:pt>
    <dgm:pt modelId="{F017A8C8-3A0E-44BB-B40F-697417360BCF}" type="pres">
      <dgm:prSet presAssocID="{2B980E60-EA38-414E-9FCB-2C9A0DF1A625}" presName="arrowAndChildren" presStyleCnt="0"/>
      <dgm:spPr/>
    </dgm:pt>
    <dgm:pt modelId="{52BAAAB4-11CA-490A-9ABC-650DD71B647D}" type="pres">
      <dgm:prSet presAssocID="{2B980E60-EA38-414E-9FCB-2C9A0DF1A625}" presName="parentTextArrow" presStyleLbl="node1" presStyleIdx="2" presStyleCnt="4"/>
      <dgm:spPr/>
      <dgm:t>
        <a:bodyPr/>
        <a:lstStyle/>
        <a:p>
          <a:endParaRPr lang="ru-RU"/>
        </a:p>
      </dgm:t>
    </dgm:pt>
    <dgm:pt modelId="{B8611129-CB7C-41D8-8E45-B6D58A9E77E7}" type="pres">
      <dgm:prSet presAssocID="{2B980E60-EA38-414E-9FCB-2C9A0DF1A625}" presName="arrow" presStyleLbl="node1" presStyleIdx="3" presStyleCnt="4"/>
      <dgm:spPr/>
      <dgm:t>
        <a:bodyPr/>
        <a:lstStyle/>
        <a:p>
          <a:endParaRPr lang="ru-RU"/>
        </a:p>
      </dgm:t>
    </dgm:pt>
    <dgm:pt modelId="{F137F5FE-6D49-4B8E-AF72-927B43433D4D}" type="pres">
      <dgm:prSet presAssocID="{2B980E60-EA38-414E-9FCB-2C9A0DF1A625}" presName="descendantArrow" presStyleCnt="0"/>
      <dgm:spPr/>
    </dgm:pt>
    <dgm:pt modelId="{7FA258B9-8DE5-473A-A8EF-1D6949379240}" type="pres">
      <dgm:prSet presAssocID="{45023F48-97E9-48E0-9ED8-1B2FFC004234}" presName="childTextArrow" presStyleLbl="fgAccFollowNode1" presStyleIdx="5" presStyleCnt="6">
        <dgm:presLayoutVars>
          <dgm:bulletEnabled val="1"/>
        </dgm:presLayoutVars>
      </dgm:prSet>
      <dgm:spPr/>
    </dgm:pt>
  </dgm:ptLst>
  <dgm:cxnLst>
    <dgm:cxn modelId="{A6DA1E53-847A-46D7-B46A-BFE41D0BA3C2}" srcId="{F10FFD8D-E8C6-4D76-AAD4-E63C145173BD}" destId="{02898908-7D4F-472E-8568-F19AEE3C973C}" srcOrd="1" destOrd="0" parTransId="{D5E1729A-7928-4195-8472-8FF1BD83B75E}" sibTransId="{58DB777B-A5D5-41A6-83CF-A2F25B94799C}"/>
    <dgm:cxn modelId="{130C904A-28F8-4DF3-9153-ED67B08CEBB9}" type="presOf" srcId="{2B980E60-EA38-414E-9FCB-2C9A0DF1A625}" destId="{52BAAAB4-11CA-490A-9ABC-650DD71B647D}" srcOrd="0" destOrd="0" presId="urn:microsoft.com/office/officeart/2005/8/layout/process4"/>
    <dgm:cxn modelId="{8F65AC2B-DAE8-4ACA-A6AB-0E982E9BED27}" type="presOf" srcId="{01CB80B4-7BED-489D-A297-61523AEBDE4D}" destId="{0A354812-29B5-4CAC-A187-86251DC295F2}" srcOrd="0" destOrd="0" presId="urn:microsoft.com/office/officeart/2005/8/layout/process4"/>
    <dgm:cxn modelId="{92A765CB-C894-465F-96C1-85E8A8CA8B39}" type="presOf" srcId="{F10FFD8D-E8C6-4D76-AAD4-E63C145173BD}" destId="{D796CA33-4576-417E-BD11-AD844327D844}" srcOrd="0" destOrd="0" presId="urn:microsoft.com/office/officeart/2005/8/layout/process4"/>
    <dgm:cxn modelId="{E5E95754-540E-4980-B971-A31EF3F83465}" type="presOf" srcId="{45023F48-97E9-48E0-9ED8-1B2FFC004234}" destId="{7FA258B9-8DE5-473A-A8EF-1D6949379240}" srcOrd="0" destOrd="0" presId="urn:microsoft.com/office/officeart/2005/8/layout/process4"/>
    <dgm:cxn modelId="{3837BA02-408E-4FB3-B1D8-5544747BA0BE}" type="presOf" srcId="{B51E17B1-5E73-479A-99B6-BC97326D9DB6}" destId="{0A0D18E2-3F98-4F44-A159-3EBFEED57AE9}" srcOrd="0" destOrd="0" presId="urn:microsoft.com/office/officeart/2005/8/layout/process4"/>
    <dgm:cxn modelId="{EAFB665D-0612-4AAF-ABC0-497DA2B48D9A}" type="presOf" srcId="{37D2647B-3ABA-4D00-8B80-B4BE1820D683}" destId="{F4F3606C-B156-439F-9E92-E4590E4FE319}" srcOrd="0" destOrd="0" presId="urn:microsoft.com/office/officeart/2005/8/layout/process4"/>
    <dgm:cxn modelId="{A1414A9E-2607-4F93-A464-59B431041D46}" srcId="{6858CCB2-32F3-4EE2-B5A9-F1E77B18D7DB}" destId="{92210D78-1A70-4FEE-870F-1BBD5B08CA99}" srcOrd="3" destOrd="0" parTransId="{8235775A-3810-40D0-B913-C57977E7D703}" sibTransId="{8F317263-F676-4F13-A48F-B94799D47EED}"/>
    <dgm:cxn modelId="{C8ADD54D-F792-4020-BAA7-C4FD11F8A7D9}" type="presOf" srcId="{BB1207C9-4B1B-4CF3-B18A-F504A686FA72}" destId="{132792CC-FB4D-4E64-A612-E951CA0F5CE2}" srcOrd="0" destOrd="0" presId="urn:microsoft.com/office/officeart/2005/8/layout/process4"/>
    <dgm:cxn modelId="{67BB915D-2280-4B5F-9086-5526CCFA587E}" type="presOf" srcId="{2B980E60-EA38-414E-9FCB-2C9A0DF1A625}" destId="{B8611129-CB7C-41D8-8E45-B6D58A9E77E7}" srcOrd="1" destOrd="0" presId="urn:microsoft.com/office/officeart/2005/8/layout/process4"/>
    <dgm:cxn modelId="{37CDE64E-225A-4D9E-823F-0F2777C53821}" type="presOf" srcId="{78B1B958-015B-4F17-B07E-8C1F782B11DB}" destId="{5A4A8E7A-D86A-4729-9A96-F717466AA81C}" srcOrd="1" destOrd="0" presId="urn:microsoft.com/office/officeart/2005/8/layout/process4"/>
    <dgm:cxn modelId="{3D2AF346-0CE6-4688-BE0E-ECD147AB0091}" srcId="{6858CCB2-32F3-4EE2-B5A9-F1E77B18D7DB}" destId="{78B1B958-015B-4F17-B07E-8C1F782B11DB}" srcOrd="1" destOrd="0" parTransId="{1B9CB71B-ED88-4102-9FF2-1560788FAB2D}" sibTransId="{F0D8D99D-AA53-44B5-8C8F-807724080D0F}"/>
    <dgm:cxn modelId="{AD392996-9A8B-4155-8B78-47B6092E51DE}" type="presOf" srcId="{78B1B958-015B-4F17-B07E-8C1F782B11DB}" destId="{88263ECC-958D-4065-A4A9-594D10BEDC74}" srcOrd="0" destOrd="0" presId="urn:microsoft.com/office/officeart/2005/8/layout/process4"/>
    <dgm:cxn modelId="{48711A42-B5A6-41BF-8925-DCD92076D5D1}" srcId="{78B1B958-015B-4F17-B07E-8C1F782B11DB}" destId="{37D2647B-3ABA-4D00-8B80-B4BE1820D683}" srcOrd="0" destOrd="0" parTransId="{86D348DC-15D0-4CA7-8BE6-7B7869D7367A}" sibTransId="{E241AB6A-B36A-4304-B9AA-394B51BB7656}"/>
    <dgm:cxn modelId="{1FF4EB85-8E10-4F50-88A6-B7E1F894A13F}" srcId="{6858CCB2-32F3-4EE2-B5A9-F1E77B18D7DB}" destId="{2B980E60-EA38-414E-9FCB-2C9A0DF1A625}" srcOrd="0" destOrd="0" parTransId="{4F38F562-01D2-4DA5-BC3A-A1CCB1685A19}" sibTransId="{B49DB5EE-5492-41F6-A69E-5A77A2440447}"/>
    <dgm:cxn modelId="{D209F141-8B1F-4EA2-B3DB-DFA595DEE150}" srcId="{F10FFD8D-E8C6-4D76-AAD4-E63C145173BD}" destId="{01CB80B4-7BED-489D-A297-61523AEBDE4D}" srcOrd="0" destOrd="0" parTransId="{DF8FE819-BACD-4855-9C88-8723573596CC}" sibTransId="{FC629DC6-6F3C-43BC-99E3-84ED2D316438}"/>
    <dgm:cxn modelId="{835BC49E-E0D7-401C-9D9B-AA0F30257F2E}" srcId="{92210D78-1A70-4FEE-870F-1BBD5B08CA99}" destId="{B51E17B1-5E73-479A-99B6-BC97326D9DB6}" srcOrd="0" destOrd="0" parTransId="{82B84945-0FC8-454D-903A-A6FA1CAB1448}" sibTransId="{217886B6-7E48-4CC4-9DE0-103FDD2E06A6}"/>
    <dgm:cxn modelId="{C4FCE1E3-8E4D-4BDE-B1C0-B053C425A1C5}" type="presOf" srcId="{6858CCB2-32F3-4EE2-B5A9-F1E77B18D7DB}" destId="{4D9F72A3-7202-4327-A271-19DA6ACBFD7D}" srcOrd="0" destOrd="0" presId="urn:microsoft.com/office/officeart/2005/8/layout/process4"/>
    <dgm:cxn modelId="{981C730D-50EA-404E-BD5A-B6AE5F89188D}" type="presOf" srcId="{F10FFD8D-E8C6-4D76-AAD4-E63C145173BD}" destId="{BD5C6703-0418-4B28-80AE-D8CBDAB03352}" srcOrd="1" destOrd="0" presId="urn:microsoft.com/office/officeart/2005/8/layout/process4"/>
    <dgm:cxn modelId="{EF9D2E88-7A10-4EEB-B67A-C90277AA2194}" srcId="{2B980E60-EA38-414E-9FCB-2C9A0DF1A625}" destId="{45023F48-97E9-48E0-9ED8-1B2FFC004234}" srcOrd="0" destOrd="0" parTransId="{44D4A321-1E3F-429D-95A4-EDEAE466A427}" sibTransId="{EB701D46-8ACA-4435-B58C-3AAD41E59E40}"/>
    <dgm:cxn modelId="{F6837F67-1121-478E-A60A-EDDF90F26E06}" type="presOf" srcId="{92210D78-1A70-4FEE-870F-1BBD5B08CA99}" destId="{4D767C4C-B7F3-466B-B35C-EEF7AE2C1A71}" srcOrd="0" destOrd="0" presId="urn:microsoft.com/office/officeart/2005/8/layout/process4"/>
    <dgm:cxn modelId="{9592B7A9-7EED-4845-B4DF-30652255680B}" type="presOf" srcId="{92210D78-1A70-4FEE-870F-1BBD5B08CA99}" destId="{039A6231-DC05-4E3A-B91D-4D36A0F9F348}" srcOrd="1" destOrd="0" presId="urn:microsoft.com/office/officeart/2005/8/layout/process4"/>
    <dgm:cxn modelId="{44442BE7-45A8-4942-9FA0-F6080E60228C}" srcId="{6858CCB2-32F3-4EE2-B5A9-F1E77B18D7DB}" destId="{F10FFD8D-E8C6-4D76-AAD4-E63C145173BD}" srcOrd="2" destOrd="0" parTransId="{93BC350B-B446-43AC-8CE7-FD413CCED68C}" sibTransId="{A3152836-13EC-4D27-8D62-B2081EE9B5A2}"/>
    <dgm:cxn modelId="{E47FCB60-6FA6-4D64-ABE1-26F8A2D09212}" type="presOf" srcId="{02898908-7D4F-472E-8568-F19AEE3C973C}" destId="{A26BE443-31E9-4319-9252-479B8DB45110}" srcOrd="0" destOrd="0" presId="urn:microsoft.com/office/officeart/2005/8/layout/process4"/>
    <dgm:cxn modelId="{37BF6495-3D24-4D4A-B636-00FEB66A7EBD}" srcId="{92210D78-1A70-4FEE-870F-1BBD5B08CA99}" destId="{BB1207C9-4B1B-4CF3-B18A-F504A686FA72}" srcOrd="1" destOrd="0" parTransId="{8342EB0C-F28C-4DC8-B1F1-9B1E7DC9B87E}" sibTransId="{9DE0B5CA-1004-4E24-A54B-43CA2C1BDC16}"/>
    <dgm:cxn modelId="{E8E2FC7E-3A6D-445C-95BE-285A87B5E5CC}" type="presParOf" srcId="{4D9F72A3-7202-4327-A271-19DA6ACBFD7D}" destId="{ACE2FCB9-D92D-4C00-879F-D9592D64AF8C}" srcOrd="0" destOrd="0" presId="urn:microsoft.com/office/officeart/2005/8/layout/process4"/>
    <dgm:cxn modelId="{8BE70AFC-9BF2-4CFB-A4B5-C38C39218CB4}" type="presParOf" srcId="{ACE2FCB9-D92D-4C00-879F-D9592D64AF8C}" destId="{4D767C4C-B7F3-466B-B35C-EEF7AE2C1A71}" srcOrd="0" destOrd="0" presId="urn:microsoft.com/office/officeart/2005/8/layout/process4"/>
    <dgm:cxn modelId="{98E8203E-DBB7-4D33-B365-B2076F8B0D83}" type="presParOf" srcId="{ACE2FCB9-D92D-4C00-879F-D9592D64AF8C}" destId="{039A6231-DC05-4E3A-B91D-4D36A0F9F348}" srcOrd="1" destOrd="0" presId="urn:microsoft.com/office/officeart/2005/8/layout/process4"/>
    <dgm:cxn modelId="{1BB45519-7403-46B0-ACF6-ED2C91FB0678}" type="presParOf" srcId="{ACE2FCB9-D92D-4C00-879F-D9592D64AF8C}" destId="{8B0F3F4D-D308-44FF-A1D4-EC42A0DF58D0}" srcOrd="2" destOrd="0" presId="urn:microsoft.com/office/officeart/2005/8/layout/process4"/>
    <dgm:cxn modelId="{7235A8B9-E16F-4FDE-8894-BE73858B39BD}" type="presParOf" srcId="{8B0F3F4D-D308-44FF-A1D4-EC42A0DF58D0}" destId="{0A0D18E2-3F98-4F44-A159-3EBFEED57AE9}" srcOrd="0" destOrd="0" presId="urn:microsoft.com/office/officeart/2005/8/layout/process4"/>
    <dgm:cxn modelId="{981F0F41-A437-442C-9BD1-42122B6160F6}" type="presParOf" srcId="{8B0F3F4D-D308-44FF-A1D4-EC42A0DF58D0}" destId="{132792CC-FB4D-4E64-A612-E951CA0F5CE2}" srcOrd="1" destOrd="0" presId="urn:microsoft.com/office/officeart/2005/8/layout/process4"/>
    <dgm:cxn modelId="{0C75865B-7F99-41DD-933E-76CCC394CA45}" type="presParOf" srcId="{4D9F72A3-7202-4327-A271-19DA6ACBFD7D}" destId="{731AEC3A-8015-465B-A9A7-3D88341A798E}" srcOrd="1" destOrd="0" presId="urn:microsoft.com/office/officeart/2005/8/layout/process4"/>
    <dgm:cxn modelId="{40D15E32-2B3D-4D69-955D-A1F6AAF288F3}" type="presParOf" srcId="{4D9F72A3-7202-4327-A271-19DA6ACBFD7D}" destId="{0899328D-BE56-4242-A3FF-642A63E21533}" srcOrd="2" destOrd="0" presId="urn:microsoft.com/office/officeart/2005/8/layout/process4"/>
    <dgm:cxn modelId="{4FB52556-9F27-42D3-AFEF-9938709924A6}" type="presParOf" srcId="{0899328D-BE56-4242-A3FF-642A63E21533}" destId="{D796CA33-4576-417E-BD11-AD844327D844}" srcOrd="0" destOrd="0" presId="urn:microsoft.com/office/officeart/2005/8/layout/process4"/>
    <dgm:cxn modelId="{39B0169D-2ED7-4513-80C1-0AF5BEEE3E78}" type="presParOf" srcId="{0899328D-BE56-4242-A3FF-642A63E21533}" destId="{BD5C6703-0418-4B28-80AE-D8CBDAB03352}" srcOrd="1" destOrd="0" presId="urn:microsoft.com/office/officeart/2005/8/layout/process4"/>
    <dgm:cxn modelId="{D9E6D0D5-6F0A-4934-8537-AA0E24C2389F}" type="presParOf" srcId="{0899328D-BE56-4242-A3FF-642A63E21533}" destId="{29771DFB-F20F-40DB-9FDB-1F16B74EB552}" srcOrd="2" destOrd="0" presId="urn:microsoft.com/office/officeart/2005/8/layout/process4"/>
    <dgm:cxn modelId="{7212D2E4-6A6C-453B-A4ED-8769BABCAACB}" type="presParOf" srcId="{29771DFB-F20F-40DB-9FDB-1F16B74EB552}" destId="{0A354812-29B5-4CAC-A187-86251DC295F2}" srcOrd="0" destOrd="0" presId="urn:microsoft.com/office/officeart/2005/8/layout/process4"/>
    <dgm:cxn modelId="{25F8C71F-9FD2-4291-A73E-3C7B8AC884D5}" type="presParOf" srcId="{29771DFB-F20F-40DB-9FDB-1F16B74EB552}" destId="{A26BE443-31E9-4319-9252-479B8DB45110}" srcOrd="1" destOrd="0" presId="urn:microsoft.com/office/officeart/2005/8/layout/process4"/>
    <dgm:cxn modelId="{DB173D16-D804-494B-85D1-838174DC61E5}" type="presParOf" srcId="{4D9F72A3-7202-4327-A271-19DA6ACBFD7D}" destId="{683E48FD-C842-44E5-A231-E7B940206A90}" srcOrd="3" destOrd="0" presId="urn:microsoft.com/office/officeart/2005/8/layout/process4"/>
    <dgm:cxn modelId="{BA2B5B3D-74B5-454C-8174-94E7C791FED0}" type="presParOf" srcId="{4D9F72A3-7202-4327-A271-19DA6ACBFD7D}" destId="{3FED78D8-EF80-4BA6-8DC1-F43D5CE4C04D}" srcOrd="4" destOrd="0" presId="urn:microsoft.com/office/officeart/2005/8/layout/process4"/>
    <dgm:cxn modelId="{C501C272-923E-482D-91D9-290FD4DCB749}" type="presParOf" srcId="{3FED78D8-EF80-4BA6-8DC1-F43D5CE4C04D}" destId="{88263ECC-958D-4065-A4A9-594D10BEDC74}" srcOrd="0" destOrd="0" presId="urn:microsoft.com/office/officeart/2005/8/layout/process4"/>
    <dgm:cxn modelId="{D2DB7646-7F1D-45B3-AB7E-BA37BD84EFED}" type="presParOf" srcId="{3FED78D8-EF80-4BA6-8DC1-F43D5CE4C04D}" destId="{5A4A8E7A-D86A-4729-9A96-F717466AA81C}" srcOrd="1" destOrd="0" presId="urn:microsoft.com/office/officeart/2005/8/layout/process4"/>
    <dgm:cxn modelId="{A6D64F01-6622-4D40-A68F-19640C0568CB}" type="presParOf" srcId="{3FED78D8-EF80-4BA6-8DC1-F43D5CE4C04D}" destId="{345FBAB9-DAFD-4D70-B16E-1AAE581E52FE}" srcOrd="2" destOrd="0" presId="urn:microsoft.com/office/officeart/2005/8/layout/process4"/>
    <dgm:cxn modelId="{10CFC4D3-4E68-451B-9449-67A49686716E}" type="presParOf" srcId="{345FBAB9-DAFD-4D70-B16E-1AAE581E52FE}" destId="{F4F3606C-B156-439F-9E92-E4590E4FE319}" srcOrd="0" destOrd="0" presId="urn:microsoft.com/office/officeart/2005/8/layout/process4"/>
    <dgm:cxn modelId="{523EA054-5CE0-4109-ADCB-1808252476DE}" type="presParOf" srcId="{4D9F72A3-7202-4327-A271-19DA6ACBFD7D}" destId="{F9477770-53DA-40D9-9E23-C18D6C6CA1D9}" srcOrd="5" destOrd="0" presId="urn:microsoft.com/office/officeart/2005/8/layout/process4"/>
    <dgm:cxn modelId="{0FECD6F4-D1BD-40E6-8637-EF2C7063B168}" type="presParOf" srcId="{4D9F72A3-7202-4327-A271-19DA6ACBFD7D}" destId="{F017A8C8-3A0E-44BB-B40F-697417360BCF}" srcOrd="6" destOrd="0" presId="urn:microsoft.com/office/officeart/2005/8/layout/process4"/>
    <dgm:cxn modelId="{64746831-183D-4490-8B9F-CC34ABB8384F}" type="presParOf" srcId="{F017A8C8-3A0E-44BB-B40F-697417360BCF}" destId="{52BAAAB4-11CA-490A-9ABC-650DD71B647D}" srcOrd="0" destOrd="0" presId="urn:microsoft.com/office/officeart/2005/8/layout/process4"/>
    <dgm:cxn modelId="{A32711D7-37C9-4BE9-8A55-03962682E63A}" type="presParOf" srcId="{F017A8C8-3A0E-44BB-B40F-697417360BCF}" destId="{B8611129-CB7C-41D8-8E45-B6D58A9E77E7}" srcOrd="1" destOrd="0" presId="urn:microsoft.com/office/officeart/2005/8/layout/process4"/>
    <dgm:cxn modelId="{2E99C1FF-1F46-49DB-89E6-33EDA166CF31}" type="presParOf" srcId="{F017A8C8-3A0E-44BB-B40F-697417360BCF}" destId="{F137F5FE-6D49-4B8E-AF72-927B43433D4D}" srcOrd="2" destOrd="0" presId="urn:microsoft.com/office/officeart/2005/8/layout/process4"/>
    <dgm:cxn modelId="{4ABA9D7C-8525-4A18-86B5-C64C3329FFAC}" type="presParOf" srcId="{F137F5FE-6D49-4B8E-AF72-927B43433D4D}" destId="{7FA258B9-8DE5-473A-A8EF-1D6949379240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1EA2421A-6DF0-442B-BC8A-229FC4F67DB0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266AC0BA-6CF8-4060-95D7-F1C4E89D1ACB}">
      <dgm:prSet phldrT="[Текст]" custT="1"/>
      <dgm:spPr/>
      <dgm:t>
        <a:bodyPr/>
        <a:lstStyle/>
        <a:p>
          <a:r>
            <a:rPr lang="kk-KZ" sz="1800" dirty="0" smtClean="0">
              <a:solidFill>
                <a:schemeClr val="bg1"/>
              </a:solidFill>
            </a:rPr>
            <a:t>Изучение </a:t>
          </a:r>
          <a:r>
            <a:rPr lang="en-US" sz="1800" dirty="0" smtClean="0">
              <a:solidFill>
                <a:schemeClr val="bg1"/>
              </a:solidFill>
            </a:rPr>
            <a:t>Visual Basic, </a:t>
          </a:r>
          <a:r>
            <a:rPr lang="kk-KZ" sz="1800" dirty="0" smtClean="0">
              <a:solidFill>
                <a:schemeClr val="bg1"/>
              </a:solidFill>
            </a:rPr>
            <a:t>аннотация переменных</a:t>
          </a:r>
          <a:endParaRPr lang="ru-RU" sz="1800" dirty="0">
            <a:solidFill>
              <a:schemeClr val="bg1"/>
            </a:solidFill>
          </a:endParaRPr>
        </a:p>
      </dgm:t>
    </dgm:pt>
    <dgm:pt modelId="{25439D2C-F5CA-4B47-B9E8-A1CEA7392AC7}" type="parTrans" cxnId="{CDB073BE-A580-407C-ADAB-3329C480804B}">
      <dgm:prSet/>
      <dgm:spPr/>
      <dgm:t>
        <a:bodyPr/>
        <a:lstStyle/>
        <a:p>
          <a:endParaRPr lang="ru-RU"/>
        </a:p>
      </dgm:t>
    </dgm:pt>
    <dgm:pt modelId="{CEDA312B-39A3-49CA-AB05-7BE9F3CA7021}" type="sibTrans" cxnId="{CDB073BE-A580-407C-ADAB-3329C480804B}">
      <dgm:prSet/>
      <dgm:spPr/>
      <dgm:t>
        <a:bodyPr/>
        <a:lstStyle/>
        <a:p>
          <a:endParaRPr lang="ru-RU"/>
        </a:p>
      </dgm:t>
    </dgm:pt>
    <dgm:pt modelId="{82155220-EF88-43E1-BCC6-1E919CFADD41}">
      <dgm:prSet phldrT="[Текст]" custT="1"/>
      <dgm:spPr/>
      <dgm:t>
        <a:bodyPr/>
        <a:lstStyle/>
        <a:p>
          <a:r>
            <a:rPr lang="kk-KZ" sz="1800" dirty="0" smtClean="0">
              <a:solidFill>
                <a:schemeClr val="bg1"/>
              </a:solidFill>
            </a:rPr>
            <a:t>Работа с файлами,выбор системы декодировки русского языка</a:t>
          </a:r>
          <a:endParaRPr lang="ru-RU" sz="1800" dirty="0">
            <a:solidFill>
              <a:schemeClr val="bg1"/>
            </a:solidFill>
          </a:endParaRPr>
        </a:p>
      </dgm:t>
    </dgm:pt>
    <dgm:pt modelId="{C21CABA0-FA6B-4FC7-A4BB-A196209262C5}" type="parTrans" cxnId="{B65BB422-2926-43B4-8D14-ADCD9327D3BE}">
      <dgm:prSet/>
      <dgm:spPr/>
      <dgm:t>
        <a:bodyPr/>
        <a:lstStyle/>
        <a:p>
          <a:endParaRPr lang="ru-RU"/>
        </a:p>
      </dgm:t>
    </dgm:pt>
    <dgm:pt modelId="{FE836B0A-6F57-43BE-A0E3-82CFDC6A9CDE}" type="sibTrans" cxnId="{B65BB422-2926-43B4-8D14-ADCD9327D3BE}">
      <dgm:prSet/>
      <dgm:spPr/>
      <dgm:t>
        <a:bodyPr/>
        <a:lstStyle/>
        <a:p>
          <a:endParaRPr lang="ru-RU"/>
        </a:p>
      </dgm:t>
    </dgm:pt>
    <dgm:pt modelId="{09260ABF-A9B0-4A14-904D-8C4C4098F319}">
      <dgm:prSet phldrT="[Текст]" custT="1"/>
      <dgm:spPr/>
      <dgm:t>
        <a:bodyPr/>
        <a:lstStyle/>
        <a:p>
          <a:r>
            <a:rPr lang="kk-KZ" sz="1800" dirty="0" smtClean="0">
              <a:solidFill>
                <a:schemeClr val="bg1"/>
              </a:solidFill>
            </a:rPr>
            <a:t>ООП, строение классов, логических функций, циклов</a:t>
          </a:r>
          <a:endParaRPr lang="ru-RU" sz="1800" dirty="0">
            <a:solidFill>
              <a:schemeClr val="bg1"/>
            </a:solidFill>
          </a:endParaRPr>
        </a:p>
      </dgm:t>
    </dgm:pt>
    <dgm:pt modelId="{EB44DC04-B33D-4AFF-B3CF-E3FA9C8658B9}" type="parTrans" cxnId="{8CE180F3-7FA9-47D5-8F5D-BC0E66BF0CC1}">
      <dgm:prSet/>
      <dgm:spPr/>
      <dgm:t>
        <a:bodyPr/>
        <a:lstStyle/>
        <a:p>
          <a:endParaRPr lang="ru-RU"/>
        </a:p>
      </dgm:t>
    </dgm:pt>
    <dgm:pt modelId="{0E767847-7D30-484D-B556-8887BE6B560C}" type="sibTrans" cxnId="{8CE180F3-7FA9-47D5-8F5D-BC0E66BF0CC1}">
      <dgm:prSet/>
      <dgm:spPr/>
      <dgm:t>
        <a:bodyPr/>
        <a:lstStyle/>
        <a:p>
          <a:endParaRPr lang="ru-RU"/>
        </a:p>
      </dgm:t>
    </dgm:pt>
    <dgm:pt modelId="{70945385-5529-490D-A892-C74A435EC133}">
      <dgm:prSet phldrT="[Текст]" custT="1"/>
      <dgm:spPr/>
      <dgm:t>
        <a:bodyPr/>
        <a:lstStyle/>
        <a:p>
          <a:r>
            <a:rPr lang="kk-KZ" sz="1100" dirty="0" smtClean="0">
              <a:solidFill>
                <a:schemeClr val="bg1"/>
              </a:solidFill>
            </a:rPr>
            <a:t>27.06-12.07</a:t>
          </a:r>
          <a:endParaRPr lang="ru-RU" sz="1100" dirty="0">
            <a:solidFill>
              <a:schemeClr val="bg1"/>
            </a:solidFill>
          </a:endParaRPr>
        </a:p>
      </dgm:t>
    </dgm:pt>
    <dgm:pt modelId="{6E7373E8-F41A-4CAB-941D-08E10C01E55B}" type="parTrans" cxnId="{82DD7CC2-F2CE-42D6-8381-72E2FEE1A40B}">
      <dgm:prSet/>
      <dgm:spPr/>
      <dgm:t>
        <a:bodyPr/>
        <a:lstStyle/>
        <a:p>
          <a:endParaRPr lang="ru-RU"/>
        </a:p>
      </dgm:t>
    </dgm:pt>
    <dgm:pt modelId="{83B23D71-1896-4BB5-AF2A-192A08EC2388}" type="sibTrans" cxnId="{82DD7CC2-F2CE-42D6-8381-72E2FEE1A40B}">
      <dgm:prSet/>
      <dgm:spPr/>
      <dgm:t>
        <a:bodyPr/>
        <a:lstStyle/>
        <a:p>
          <a:endParaRPr lang="ru-RU"/>
        </a:p>
      </dgm:t>
    </dgm:pt>
    <dgm:pt modelId="{BA4ED7FF-CBE5-4D22-8197-2CC330703AB0}">
      <dgm:prSet phldrT="[Текст]" custT="1"/>
      <dgm:spPr/>
      <dgm:t>
        <a:bodyPr/>
        <a:lstStyle/>
        <a:p>
          <a:r>
            <a:rPr lang="kk-KZ" sz="1800" dirty="0" smtClean="0">
              <a:solidFill>
                <a:schemeClr val="bg1"/>
              </a:solidFill>
            </a:rPr>
            <a:t>Сравнение отладчиков и выбор, тестирование, исправление ошибок </a:t>
          </a:r>
          <a:endParaRPr lang="ru-RU" sz="1800" dirty="0">
            <a:solidFill>
              <a:schemeClr val="bg1"/>
            </a:solidFill>
          </a:endParaRPr>
        </a:p>
      </dgm:t>
    </dgm:pt>
    <dgm:pt modelId="{A89CF8B4-3C5D-41F0-BE22-92B8C8E565D1}" type="parTrans" cxnId="{4D8A8AA0-B5FD-4348-BAF6-830FC6E67089}">
      <dgm:prSet/>
      <dgm:spPr/>
      <dgm:t>
        <a:bodyPr/>
        <a:lstStyle/>
        <a:p>
          <a:endParaRPr lang="ru-RU"/>
        </a:p>
      </dgm:t>
    </dgm:pt>
    <dgm:pt modelId="{66A413D7-B678-407E-81D6-4A5B39E92C8D}" type="sibTrans" cxnId="{4D8A8AA0-B5FD-4348-BAF6-830FC6E67089}">
      <dgm:prSet/>
      <dgm:spPr/>
      <dgm:t>
        <a:bodyPr/>
        <a:lstStyle/>
        <a:p>
          <a:endParaRPr lang="ru-RU"/>
        </a:p>
      </dgm:t>
    </dgm:pt>
    <dgm:pt modelId="{B2B7667C-1A51-452B-9320-37D97661EF0D}">
      <dgm:prSet phldrT="[Текст]" custT="1"/>
      <dgm:spPr/>
      <dgm:t>
        <a:bodyPr/>
        <a:lstStyle/>
        <a:p>
          <a:r>
            <a:rPr lang="kk-KZ" sz="1800" dirty="0" smtClean="0">
              <a:solidFill>
                <a:schemeClr val="bg1"/>
              </a:solidFill>
            </a:rPr>
            <a:t>Описание работы, компоновка кода, сдача работы</a:t>
          </a:r>
          <a:endParaRPr lang="ru-RU" sz="1800" dirty="0">
            <a:solidFill>
              <a:schemeClr val="bg1"/>
            </a:solidFill>
          </a:endParaRPr>
        </a:p>
      </dgm:t>
    </dgm:pt>
    <dgm:pt modelId="{03FEB32D-D181-44D8-9349-1D54F756C3B8}" type="parTrans" cxnId="{CC4978D2-8923-4985-BD7F-1DDCC037CEA4}">
      <dgm:prSet/>
      <dgm:spPr/>
      <dgm:t>
        <a:bodyPr/>
        <a:lstStyle/>
        <a:p>
          <a:endParaRPr lang="ru-RU"/>
        </a:p>
      </dgm:t>
    </dgm:pt>
    <dgm:pt modelId="{FBC3C94E-07AB-415F-91D8-3C23EC9D7C84}" type="sibTrans" cxnId="{CC4978D2-8923-4985-BD7F-1DDCC037CEA4}">
      <dgm:prSet/>
      <dgm:spPr/>
      <dgm:t>
        <a:bodyPr/>
        <a:lstStyle/>
        <a:p>
          <a:endParaRPr lang="ru-RU"/>
        </a:p>
      </dgm:t>
    </dgm:pt>
    <dgm:pt modelId="{57CDCCD7-7376-4150-8B88-288B998F93B5}" type="pres">
      <dgm:prSet presAssocID="{1EA2421A-6DF0-442B-BC8A-229FC4F67DB0}" presName="Name0" presStyleCnt="0">
        <dgm:presLayoutVars>
          <dgm:dir/>
          <dgm:resizeHandles val="exact"/>
        </dgm:presLayoutVars>
      </dgm:prSet>
      <dgm:spPr/>
    </dgm:pt>
    <dgm:pt modelId="{0A3C1F6E-F7C7-49A2-8BAC-07804F622017}" type="pres">
      <dgm:prSet presAssocID="{1EA2421A-6DF0-442B-BC8A-229FC4F67DB0}" presName="arrow" presStyleLbl="bgShp" presStyleIdx="0" presStyleCnt="1"/>
      <dgm:spPr/>
    </dgm:pt>
    <dgm:pt modelId="{0620AA55-C6D6-4586-AAC6-0FD7767F3B1B}" type="pres">
      <dgm:prSet presAssocID="{1EA2421A-6DF0-442B-BC8A-229FC4F67DB0}" presName="points" presStyleCnt="0"/>
      <dgm:spPr/>
    </dgm:pt>
    <dgm:pt modelId="{0CB6A678-9B11-44BE-883C-3987874C0466}" type="pres">
      <dgm:prSet presAssocID="{266AC0BA-6CF8-4060-95D7-F1C4E89D1ACB}" presName="compositeA" presStyleCnt="0"/>
      <dgm:spPr/>
    </dgm:pt>
    <dgm:pt modelId="{5278B07F-780D-4766-AF21-DA9F3B2869AC}" type="pres">
      <dgm:prSet presAssocID="{266AC0BA-6CF8-4060-95D7-F1C4E89D1ACB}" presName="textA" presStyleLbl="revTx" presStyleIdx="0" presStyleCnt="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A18B7FD7-53D3-4745-A852-B58D6BCAE197}" type="pres">
      <dgm:prSet presAssocID="{266AC0BA-6CF8-4060-95D7-F1C4E89D1ACB}" presName="circleA" presStyleLbl="node1" presStyleIdx="0" presStyleCnt="5" custScaleX="283783" custScaleY="108787"/>
      <dgm:spPr/>
    </dgm:pt>
    <dgm:pt modelId="{37B2C8EE-A163-4BAF-AD1E-DA230947F396}" type="pres">
      <dgm:prSet presAssocID="{266AC0BA-6CF8-4060-95D7-F1C4E89D1ACB}" presName="spaceA" presStyleCnt="0"/>
      <dgm:spPr/>
    </dgm:pt>
    <dgm:pt modelId="{AA5E8064-9364-4EBD-8A93-B4C512EF4CEE}" type="pres">
      <dgm:prSet presAssocID="{CEDA312B-39A3-49CA-AB05-7BE9F3CA7021}" presName="space" presStyleCnt="0"/>
      <dgm:spPr/>
    </dgm:pt>
    <dgm:pt modelId="{E63D422A-F012-424C-81FF-27F0D8E77233}" type="pres">
      <dgm:prSet presAssocID="{82155220-EF88-43E1-BCC6-1E919CFADD41}" presName="compositeB" presStyleCnt="0"/>
      <dgm:spPr/>
    </dgm:pt>
    <dgm:pt modelId="{8242130A-6BD9-47AA-9E98-E235ED273476}" type="pres">
      <dgm:prSet presAssocID="{82155220-EF88-43E1-BCC6-1E919CFADD41}" presName="textB" presStyleLbl="revTx" presStyleIdx="1" presStyleCnt="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8D99987-9605-4F08-9BF0-63DBBA40C4FE}" type="pres">
      <dgm:prSet presAssocID="{82155220-EF88-43E1-BCC6-1E919CFADD41}" presName="circleB" presStyleLbl="node1" presStyleIdx="1" presStyleCnt="5" custScaleX="262908" custScaleY="108787"/>
      <dgm:spPr/>
    </dgm:pt>
    <dgm:pt modelId="{E2406ADE-1D91-4131-BF07-D14036F059AA}" type="pres">
      <dgm:prSet presAssocID="{82155220-EF88-43E1-BCC6-1E919CFADD41}" presName="spaceB" presStyleCnt="0"/>
      <dgm:spPr/>
    </dgm:pt>
    <dgm:pt modelId="{4BDFAB2F-2860-43EA-BCE3-37869B9286E3}" type="pres">
      <dgm:prSet presAssocID="{FE836B0A-6F57-43BE-A0E3-82CFDC6A9CDE}" presName="space" presStyleCnt="0"/>
      <dgm:spPr/>
    </dgm:pt>
    <dgm:pt modelId="{DDC15007-C310-4E6A-B448-91F4DC1EFEB5}" type="pres">
      <dgm:prSet presAssocID="{09260ABF-A9B0-4A14-904D-8C4C4098F319}" presName="compositeA" presStyleCnt="0"/>
      <dgm:spPr/>
    </dgm:pt>
    <dgm:pt modelId="{713862F4-B949-4B94-B9B2-9C09287E18D9}" type="pres">
      <dgm:prSet presAssocID="{09260ABF-A9B0-4A14-904D-8C4C4098F319}" presName="textA" presStyleLbl="revTx" presStyleIdx="2" presStyleCnt="5">
        <dgm:presLayoutVars>
          <dgm:bulletEnabled val="1"/>
        </dgm:presLayoutVars>
      </dgm:prSet>
      <dgm:spPr/>
    </dgm:pt>
    <dgm:pt modelId="{0C33DCCB-2496-4BDD-9D1E-83E715A45DF4}" type="pres">
      <dgm:prSet presAssocID="{09260ABF-A9B0-4A14-904D-8C4C4098F319}" presName="circleA" presStyleLbl="node1" presStyleIdx="2" presStyleCnt="5" custScaleX="265957" custScaleY="108787"/>
      <dgm:spPr/>
    </dgm:pt>
    <dgm:pt modelId="{0CD34320-F828-4648-AD07-31A230401C09}" type="pres">
      <dgm:prSet presAssocID="{09260ABF-A9B0-4A14-904D-8C4C4098F319}" presName="spaceA" presStyleCnt="0"/>
      <dgm:spPr/>
    </dgm:pt>
    <dgm:pt modelId="{D0BCA9D8-E158-4BAB-91B6-31CC6B5ACF57}" type="pres">
      <dgm:prSet presAssocID="{0E767847-7D30-484D-B556-8887BE6B560C}" presName="space" presStyleCnt="0"/>
      <dgm:spPr/>
    </dgm:pt>
    <dgm:pt modelId="{2283D90A-FACC-45DB-B981-CEA28AE56AD3}" type="pres">
      <dgm:prSet presAssocID="{BA4ED7FF-CBE5-4D22-8197-2CC330703AB0}" presName="compositeB" presStyleCnt="0"/>
      <dgm:spPr/>
    </dgm:pt>
    <dgm:pt modelId="{C228CF63-873B-4271-8A86-4298CC60C09E}" type="pres">
      <dgm:prSet presAssocID="{BA4ED7FF-CBE5-4D22-8197-2CC330703AB0}" presName="textB" presStyleLbl="revTx" presStyleIdx="3" presStyleCnt="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F4DE030D-F87E-4C14-AFC7-911D20797785}" type="pres">
      <dgm:prSet presAssocID="{BA4ED7FF-CBE5-4D22-8197-2CC330703AB0}" presName="circleB" presStyleLbl="node1" presStyleIdx="3" presStyleCnt="5" custScaleX="269007" custScaleY="108787"/>
      <dgm:spPr/>
    </dgm:pt>
    <dgm:pt modelId="{25ED2FB6-E2C0-439F-AE74-7DB1AE2BB133}" type="pres">
      <dgm:prSet presAssocID="{BA4ED7FF-CBE5-4D22-8197-2CC330703AB0}" presName="spaceB" presStyleCnt="0"/>
      <dgm:spPr/>
    </dgm:pt>
    <dgm:pt modelId="{7A22F0C7-D79E-4DC9-8092-20E40F482223}" type="pres">
      <dgm:prSet presAssocID="{66A413D7-B678-407E-81D6-4A5B39E92C8D}" presName="space" presStyleCnt="0"/>
      <dgm:spPr/>
    </dgm:pt>
    <dgm:pt modelId="{C26A711D-3EA5-4BA9-9250-53FA1587FDD5}" type="pres">
      <dgm:prSet presAssocID="{B2B7667C-1A51-452B-9320-37D97661EF0D}" presName="compositeA" presStyleCnt="0"/>
      <dgm:spPr/>
    </dgm:pt>
    <dgm:pt modelId="{1D9E5EFB-C3EC-42A4-92E9-D5AC1F4B48A8}" type="pres">
      <dgm:prSet presAssocID="{B2B7667C-1A51-452B-9320-37D97661EF0D}" presName="textA" presStyleLbl="revTx" presStyleIdx="4" presStyleCnt="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83851AE-1DD6-454A-BB2D-8616E41B86E3}" type="pres">
      <dgm:prSet presAssocID="{B2B7667C-1A51-452B-9320-37D97661EF0D}" presName="circleA" presStyleLbl="node1" presStyleIdx="4" presStyleCnt="5" custScaleX="272056" custScaleY="108787"/>
      <dgm:spPr/>
    </dgm:pt>
    <dgm:pt modelId="{24231FDD-67F9-4365-83F4-8FFB1BDB217E}" type="pres">
      <dgm:prSet presAssocID="{B2B7667C-1A51-452B-9320-37D97661EF0D}" presName="spaceA" presStyleCnt="0"/>
      <dgm:spPr/>
    </dgm:pt>
  </dgm:ptLst>
  <dgm:cxnLst>
    <dgm:cxn modelId="{B65BB422-2926-43B4-8D14-ADCD9327D3BE}" srcId="{1EA2421A-6DF0-442B-BC8A-229FC4F67DB0}" destId="{82155220-EF88-43E1-BCC6-1E919CFADD41}" srcOrd="1" destOrd="0" parTransId="{C21CABA0-FA6B-4FC7-A4BB-A196209262C5}" sibTransId="{FE836B0A-6F57-43BE-A0E3-82CFDC6A9CDE}"/>
    <dgm:cxn modelId="{024E1521-99A0-4015-AD8D-8D24A4DF589E}" type="presOf" srcId="{BA4ED7FF-CBE5-4D22-8197-2CC330703AB0}" destId="{C228CF63-873B-4271-8A86-4298CC60C09E}" srcOrd="0" destOrd="0" presId="urn:microsoft.com/office/officeart/2005/8/layout/hProcess11"/>
    <dgm:cxn modelId="{CDB073BE-A580-407C-ADAB-3329C480804B}" srcId="{1EA2421A-6DF0-442B-BC8A-229FC4F67DB0}" destId="{266AC0BA-6CF8-4060-95D7-F1C4E89D1ACB}" srcOrd="0" destOrd="0" parTransId="{25439D2C-F5CA-4B47-B9E8-A1CEA7392AC7}" sibTransId="{CEDA312B-39A3-49CA-AB05-7BE9F3CA7021}"/>
    <dgm:cxn modelId="{C61F4F61-31F5-4470-A256-56CA5361E534}" type="presOf" srcId="{B2B7667C-1A51-452B-9320-37D97661EF0D}" destId="{1D9E5EFB-C3EC-42A4-92E9-D5AC1F4B48A8}" srcOrd="0" destOrd="0" presId="urn:microsoft.com/office/officeart/2005/8/layout/hProcess11"/>
    <dgm:cxn modelId="{82DD7CC2-F2CE-42D6-8381-72E2FEE1A40B}" srcId="{09260ABF-A9B0-4A14-904D-8C4C4098F319}" destId="{70945385-5529-490D-A892-C74A435EC133}" srcOrd="0" destOrd="0" parTransId="{6E7373E8-F41A-4CAB-941D-08E10C01E55B}" sibTransId="{83B23D71-1896-4BB5-AF2A-192A08EC2388}"/>
    <dgm:cxn modelId="{CC4978D2-8923-4985-BD7F-1DDCC037CEA4}" srcId="{1EA2421A-6DF0-442B-BC8A-229FC4F67DB0}" destId="{B2B7667C-1A51-452B-9320-37D97661EF0D}" srcOrd="4" destOrd="0" parTransId="{03FEB32D-D181-44D8-9349-1D54F756C3B8}" sibTransId="{FBC3C94E-07AB-415F-91D8-3C23EC9D7C84}"/>
    <dgm:cxn modelId="{79F09A0B-E092-4922-B030-968C2CA87157}" type="presOf" srcId="{09260ABF-A9B0-4A14-904D-8C4C4098F319}" destId="{713862F4-B949-4B94-B9B2-9C09287E18D9}" srcOrd="0" destOrd="0" presId="urn:microsoft.com/office/officeart/2005/8/layout/hProcess11"/>
    <dgm:cxn modelId="{1FFF0A1A-F5BA-442B-80CC-1C8C00AFC478}" type="presOf" srcId="{1EA2421A-6DF0-442B-BC8A-229FC4F67DB0}" destId="{57CDCCD7-7376-4150-8B88-288B998F93B5}" srcOrd="0" destOrd="0" presId="urn:microsoft.com/office/officeart/2005/8/layout/hProcess11"/>
    <dgm:cxn modelId="{0F5236DC-0E99-4C22-84FB-CFE5FC4924B7}" type="presOf" srcId="{70945385-5529-490D-A892-C74A435EC133}" destId="{713862F4-B949-4B94-B9B2-9C09287E18D9}" srcOrd="0" destOrd="1" presId="urn:microsoft.com/office/officeart/2005/8/layout/hProcess11"/>
    <dgm:cxn modelId="{4D8A8AA0-B5FD-4348-BAF6-830FC6E67089}" srcId="{1EA2421A-6DF0-442B-BC8A-229FC4F67DB0}" destId="{BA4ED7FF-CBE5-4D22-8197-2CC330703AB0}" srcOrd="3" destOrd="0" parTransId="{A89CF8B4-3C5D-41F0-BE22-92B8C8E565D1}" sibTransId="{66A413D7-B678-407E-81D6-4A5B39E92C8D}"/>
    <dgm:cxn modelId="{C468417D-6D2F-4001-A3D9-023B8351C117}" type="presOf" srcId="{82155220-EF88-43E1-BCC6-1E919CFADD41}" destId="{8242130A-6BD9-47AA-9E98-E235ED273476}" srcOrd="0" destOrd="0" presId="urn:microsoft.com/office/officeart/2005/8/layout/hProcess11"/>
    <dgm:cxn modelId="{8CE180F3-7FA9-47D5-8F5D-BC0E66BF0CC1}" srcId="{1EA2421A-6DF0-442B-BC8A-229FC4F67DB0}" destId="{09260ABF-A9B0-4A14-904D-8C4C4098F319}" srcOrd="2" destOrd="0" parTransId="{EB44DC04-B33D-4AFF-B3CF-E3FA9C8658B9}" sibTransId="{0E767847-7D30-484D-B556-8887BE6B560C}"/>
    <dgm:cxn modelId="{5EE5667A-8AF5-4824-8E7B-232EE38E5617}" type="presOf" srcId="{266AC0BA-6CF8-4060-95D7-F1C4E89D1ACB}" destId="{5278B07F-780D-4766-AF21-DA9F3B2869AC}" srcOrd="0" destOrd="0" presId="urn:microsoft.com/office/officeart/2005/8/layout/hProcess11"/>
    <dgm:cxn modelId="{42032C06-BF0C-4691-BAE2-C57C73151334}" type="presParOf" srcId="{57CDCCD7-7376-4150-8B88-288B998F93B5}" destId="{0A3C1F6E-F7C7-49A2-8BAC-07804F622017}" srcOrd="0" destOrd="0" presId="urn:microsoft.com/office/officeart/2005/8/layout/hProcess11"/>
    <dgm:cxn modelId="{83BE0369-6523-43BF-BC02-BA4E6EE54BF9}" type="presParOf" srcId="{57CDCCD7-7376-4150-8B88-288B998F93B5}" destId="{0620AA55-C6D6-4586-AAC6-0FD7767F3B1B}" srcOrd="1" destOrd="0" presId="urn:microsoft.com/office/officeart/2005/8/layout/hProcess11"/>
    <dgm:cxn modelId="{DF8A5181-5C69-49B0-98EB-DB5A40AED9E6}" type="presParOf" srcId="{0620AA55-C6D6-4586-AAC6-0FD7767F3B1B}" destId="{0CB6A678-9B11-44BE-883C-3987874C0466}" srcOrd="0" destOrd="0" presId="urn:microsoft.com/office/officeart/2005/8/layout/hProcess11"/>
    <dgm:cxn modelId="{9BC10749-E2EE-45B5-A78A-32E1B7FA1060}" type="presParOf" srcId="{0CB6A678-9B11-44BE-883C-3987874C0466}" destId="{5278B07F-780D-4766-AF21-DA9F3B2869AC}" srcOrd="0" destOrd="0" presId="urn:microsoft.com/office/officeart/2005/8/layout/hProcess11"/>
    <dgm:cxn modelId="{5F5DE56F-6D4B-4401-A4DF-20B1373515DD}" type="presParOf" srcId="{0CB6A678-9B11-44BE-883C-3987874C0466}" destId="{A18B7FD7-53D3-4745-A852-B58D6BCAE197}" srcOrd="1" destOrd="0" presId="urn:microsoft.com/office/officeart/2005/8/layout/hProcess11"/>
    <dgm:cxn modelId="{A4B91C8E-E936-4507-A2C4-E079925726A1}" type="presParOf" srcId="{0CB6A678-9B11-44BE-883C-3987874C0466}" destId="{37B2C8EE-A163-4BAF-AD1E-DA230947F396}" srcOrd="2" destOrd="0" presId="urn:microsoft.com/office/officeart/2005/8/layout/hProcess11"/>
    <dgm:cxn modelId="{59CA744B-7118-4F95-B29F-151F468B8614}" type="presParOf" srcId="{0620AA55-C6D6-4586-AAC6-0FD7767F3B1B}" destId="{AA5E8064-9364-4EBD-8A93-B4C512EF4CEE}" srcOrd="1" destOrd="0" presId="urn:microsoft.com/office/officeart/2005/8/layout/hProcess11"/>
    <dgm:cxn modelId="{9E7B0F59-712F-41AE-8FF0-60FBFF2CDC18}" type="presParOf" srcId="{0620AA55-C6D6-4586-AAC6-0FD7767F3B1B}" destId="{E63D422A-F012-424C-81FF-27F0D8E77233}" srcOrd="2" destOrd="0" presId="urn:microsoft.com/office/officeart/2005/8/layout/hProcess11"/>
    <dgm:cxn modelId="{C1AE2D79-5F61-4C6C-A568-16775D936C10}" type="presParOf" srcId="{E63D422A-F012-424C-81FF-27F0D8E77233}" destId="{8242130A-6BD9-47AA-9E98-E235ED273476}" srcOrd="0" destOrd="0" presId="urn:microsoft.com/office/officeart/2005/8/layout/hProcess11"/>
    <dgm:cxn modelId="{7B94623B-29CF-4892-BAAF-7C4DD5217845}" type="presParOf" srcId="{E63D422A-F012-424C-81FF-27F0D8E77233}" destId="{98D99987-9605-4F08-9BF0-63DBBA40C4FE}" srcOrd="1" destOrd="0" presId="urn:microsoft.com/office/officeart/2005/8/layout/hProcess11"/>
    <dgm:cxn modelId="{BB990A29-A55F-43B4-BE74-8CC380E6E3DA}" type="presParOf" srcId="{E63D422A-F012-424C-81FF-27F0D8E77233}" destId="{E2406ADE-1D91-4131-BF07-D14036F059AA}" srcOrd="2" destOrd="0" presId="urn:microsoft.com/office/officeart/2005/8/layout/hProcess11"/>
    <dgm:cxn modelId="{E0495540-A5B6-4CAD-8DB9-6D19A355C7B4}" type="presParOf" srcId="{0620AA55-C6D6-4586-AAC6-0FD7767F3B1B}" destId="{4BDFAB2F-2860-43EA-BCE3-37869B9286E3}" srcOrd="3" destOrd="0" presId="urn:microsoft.com/office/officeart/2005/8/layout/hProcess11"/>
    <dgm:cxn modelId="{D365657B-ECD1-419B-A4A8-28C0A66062FA}" type="presParOf" srcId="{0620AA55-C6D6-4586-AAC6-0FD7767F3B1B}" destId="{DDC15007-C310-4E6A-B448-91F4DC1EFEB5}" srcOrd="4" destOrd="0" presId="urn:microsoft.com/office/officeart/2005/8/layout/hProcess11"/>
    <dgm:cxn modelId="{5B5BB5D3-2477-4E5B-A8D3-BB3EDE6DA2AA}" type="presParOf" srcId="{DDC15007-C310-4E6A-B448-91F4DC1EFEB5}" destId="{713862F4-B949-4B94-B9B2-9C09287E18D9}" srcOrd="0" destOrd="0" presId="urn:microsoft.com/office/officeart/2005/8/layout/hProcess11"/>
    <dgm:cxn modelId="{F409298F-1FD6-4AEE-8EB4-E9A8966BD303}" type="presParOf" srcId="{DDC15007-C310-4E6A-B448-91F4DC1EFEB5}" destId="{0C33DCCB-2496-4BDD-9D1E-83E715A45DF4}" srcOrd="1" destOrd="0" presId="urn:microsoft.com/office/officeart/2005/8/layout/hProcess11"/>
    <dgm:cxn modelId="{C1D87B0D-1E9D-439A-A99A-1EC7109BE7E5}" type="presParOf" srcId="{DDC15007-C310-4E6A-B448-91F4DC1EFEB5}" destId="{0CD34320-F828-4648-AD07-31A230401C09}" srcOrd="2" destOrd="0" presId="urn:microsoft.com/office/officeart/2005/8/layout/hProcess11"/>
    <dgm:cxn modelId="{EE6888CF-F8CA-43F7-9BA7-868C4089A0E9}" type="presParOf" srcId="{0620AA55-C6D6-4586-AAC6-0FD7767F3B1B}" destId="{D0BCA9D8-E158-4BAB-91B6-31CC6B5ACF57}" srcOrd="5" destOrd="0" presId="urn:microsoft.com/office/officeart/2005/8/layout/hProcess11"/>
    <dgm:cxn modelId="{00AD1AB3-EFE4-40D7-B0AA-82771646767F}" type="presParOf" srcId="{0620AA55-C6D6-4586-AAC6-0FD7767F3B1B}" destId="{2283D90A-FACC-45DB-B981-CEA28AE56AD3}" srcOrd="6" destOrd="0" presId="urn:microsoft.com/office/officeart/2005/8/layout/hProcess11"/>
    <dgm:cxn modelId="{B5FECD3D-FE11-4900-BCD4-A26054ADA658}" type="presParOf" srcId="{2283D90A-FACC-45DB-B981-CEA28AE56AD3}" destId="{C228CF63-873B-4271-8A86-4298CC60C09E}" srcOrd="0" destOrd="0" presId="urn:microsoft.com/office/officeart/2005/8/layout/hProcess11"/>
    <dgm:cxn modelId="{607A7A9D-1BD4-49DE-911C-13B26C99AA3E}" type="presParOf" srcId="{2283D90A-FACC-45DB-B981-CEA28AE56AD3}" destId="{F4DE030D-F87E-4C14-AFC7-911D20797785}" srcOrd="1" destOrd="0" presId="urn:microsoft.com/office/officeart/2005/8/layout/hProcess11"/>
    <dgm:cxn modelId="{0BAF409E-7D5C-4E67-9E00-F35DA6B82FF6}" type="presParOf" srcId="{2283D90A-FACC-45DB-B981-CEA28AE56AD3}" destId="{25ED2FB6-E2C0-439F-AE74-7DB1AE2BB133}" srcOrd="2" destOrd="0" presId="urn:microsoft.com/office/officeart/2005/8/layout/hProcess11"/>
    <dgm:cxn modelId="{BFEFA2A3-917D-45FD-959F-9064E3C435AC}" type="presParOf" srcId="{0620AA55-C6D6-4586-AAC6-0FD7767F3B1B}" destId="{7A22F0C7-D79E-4DC9-8092-20E40F482223}" srcOrd="7" destOrd="0" presId="urn:microsoft.com/office/officeart/2005/8/layout/hProcess11"/>
    <dgm:cxn modelId="{F552CC48-A200-4288-A140-E5924225E7A7}" type="presParOf" srcId="{0620AA55-C6D6-4586-AAC6-0FD7767F3B1B}" destId="{C26A711D-3EA5-4BA9-9250-53FA1587FDD5}" srcOrd="8" destOrd="0" presId="urn:microsoft.com/office/officeart/2005/8/layout/hProcess11"/>
    <dgm:cxn modelId="{1A42647B-FB81-49CA-9A56-A24AE89773D5}" type="presParOf" srcId="{C26A711D-3EA5-4BA9-9250-53FA1587FDD5}" destId="{1D9E5EFB-C3EC-42A4-92E9-D5AC1F4B48A8}" srcOrd="0" destOrd="0" presId="urn:microsoft.com/office/officeart/2005/8/layout/hProcess11"/>
    <dgm:cxn modelId="{83D92E89-275C-45BD-840D-1F11018A241F}" type="presParOf" srcId="{C26A711D-3EA5-4BA9-9250-53FA1587FDD5}" destId="{083851AE-1DD6-454A-BB2D-8616E41B86E3}" srcOrd="1" destOrd="0" presId="urn:microsoft.com/office/officeart/2005/8/layout/hProcess11"/>
    <dgm:cxn modelId="{AA82FB2E-2E3D-44AC-8640-B858408E4C2D}" type="presParOf" srcId="{C26A711D-3EA5-4BA9-9250-53FA1587FDD5}" destId="{24231FDD-67F9-4365-83F4-8FFB1BDB217E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672784CA-A95C-4F18-987A-4F5DDEB7849A}" type="doc">
      <dgm:prSet loTypeId="urn:microsoft.com/office/officeart/2005/8/layout/matrix1" loCatId="matrix" qsTypeId="urn:microsoft.com/office/officeart/2005/8/quickstyle/3d3" qsCatId="3D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193AB457-15FF-4C6D-B8F1-822B19B8BFB5}">
      <dgm:prSet phldrT="[Текст]" custT="1"/>
      <dgm:spPr/>
      <dgm:t>
        <a:bodyPr/>
        <a:lstStyle/>
        <a:p>
          <a:r>
            <a:rPr lang="kk-KZ" sz="2000" dirty="0" smtClean="0"/>
            <a:t>Программа</a:t>
          </a:r>
          <a:endParaRPr lang="ru-RU" sz="2000" dirty="0"/>
        </a:p>
      </dgm:t>
    </dgm:pt>
    <dgm:pt modelId="{2DC621A6-4B37-4F58-9D83-8ED1775BE5CD}" type="parTrans" cxnId="{C480B007-64FD-48C9-8301-91ADE5EBA1D2}">
      <dgm:prSet/>
      <dgm:spPr/>
      <dgm:t>
        <a:bodyPr/>
        <a:lstStyle/>
        <a:p>
          <a:endParaRPr lang="ru-RU"/>
        </a:p>
      </dgm:t>
    </dgm:pt>
    <dgm:pt modelId="{EC25883E-1F55-4286-9209-540F55DA19F1}" type="sibTrans" cxnId="{C480B007-64FD-48C9-8301-91ADE5EBA1D2}">
      <dgm:prSet/>
      <dgm:spPr/>
      <dgm:t>
        <a:bodyPr/>
        <a:lstStyle/>
        <a:p>
          <a:endParaRPr lang="ru-RU"/>
        </a:p>
      </dgm:t>
    </dgm:pt>
    <dgm:pt modelId="{758714E2-4623-43B7-A67A-141140A09598}">
      <dgm:prSet phldrT="[Текст]" custT="1"/>
      <dgm:spPr/>
      <dgm:t>
        <a:bodyPr/>
        <a:lstStyle/>
        <a:p>
          <a:r>
            <a:rPr lang="kk-KZ" sz="2000" dirty="0" smtClean="0"/>
            <a:t>Деархивирует файл по определенной системой декодировки</a:t>
          </a:r>
          <a:endParaRPr lang="ru-RU" sz="2000" dirty="0"/>
        </a:p>
      </dgm:t>
    </dgm:pt>
    <dgm:pt modelId="{D585F37D-5186-42CA-8175-7A3A29568A51}" type="parTrans" cxnId="{6416C50F-7724-45B6-8522-0DFC4C252291}">
      <dgm:prSet/>
      <dgm:spPr/>
      <dgm:t>
        <a:bodyPr/>
        <a:lstStyle/>
        <a:p>
          <a:endParaRPr lang="ru-RU"/>
        </a:p>
      </dgm:t>
    </dgm:pt>
    <dgm:pt modelId="{B4DECB19-9314-4847-A8BF-574AA12DB4A0}" type="sibTrans" cxnId="{6416C50F-7724-45B6-8522-0DFC4C252291}">
      <dgm:prSet/>
      <dgm:spPr/>
      <dgm:t>
        <a:bodyPr/>
        <a:lstStyle/>
        <a:p>
          <a:endParaRPr lang="ru-RU"/>
        </a:p>
      </dgm:t>
    </dgm:pt>
    <dgm:pt modelId="{62EC3DBF-FCF8-4890-8872-383A9EFFEB90}">
      <dgm:prSet phldrT="[Текст]" custT="1"/>
      <dgm:spPr/>
      <dgm:t>
        <a:bodyPr/>
        <a:lstStyle/>
        <a:p>
          <a:r>
            <a:rPr lang="kk-KZ" sz="2000" dirty="0" smtClean="0"/>
            <a:t>Читает файл</a:t>
          </a:r>
          <a:endParaRPr lang="ru-RU" sz="2000" dirty="0"/>
        </a:p>
      </dgm:t>
    </dgm:pt>
    <dgm:pt modelId="{AE4A142F-F1DC-4783-89C7-5C953B7298A4}" type="parTrans" cxnId="{41889492-BF1B-4BFE-8F70-87A8363AA444}">
      <dgm:prSet/>
      <dgm:spPr/>
      <dgm:t>
        <a:bodyPr/>
        <a:lstStyle/>
        <a:p>
          <a:endParaRPr lang="ru-RU"/>
        </a:p>
      </dgm:t>
    </dgm:pt>
    <dgm:pt modelId="{E2931591-400F-4C19-98B9-DBBB3A398492}" type="sibTrans" cxnId="{41889492-BF1B-4BFE-8F70-87A8363AA444}">
      <dgm:prSet/>
      <dgm:spPr/>
      <dgm:t>
        <a:bodyPr/>
        <a:lstStyle/>
        <a:p>
          <a:endParaRPr lang="ru-RU"/>
        </a:p>
      </dgm:t>
    </dgm:pt>
    <dgm:pt modelId="{0F581AA1-E80D-499E-B9DD-B903B324640D}">
      <dgm:prSet phldrT="[Текст]" custT="1"/>
      <dgm:spPr/>
      <dgm:t>
        <a:bodyPr/>
        <a:lstStyle/>
        <a:p>
          <a:r>
            <a:rPr lang="kk-KZ" sz="2000" dirty="0" smtClean="0"/>
            <a:t>Сортирует данные по ключам</a:t>
          </a:r>
          <a:endParaRPr lang="ru-RU" sz="2000" dirty="0"/>
        </a:p>
      </dgm:t>
    </dgm:pt>
    <dgm:pt modelId="{C6C4FDD2-4A44-4F35-AAE6-6B10EE4AAD5C}" type="parTrans" cxnId="{D481FDEA-E878-4EB4-A8A8-CC50B1CB15BA}">
      <dgm:prSet/>
      <dgm:spPr/>
      <dgm:t>
        <a:bodyPr/>
        <a:lstStyle/>
        <a:p>
          <a:endParaRPr lang="ru-RU"/>
        </a:p>
      </dgm:t>
    </dgm:pt>
    <dgm:pt modelId="{9570425D-FED4-467E-94D2-4FEA824F9EC8}" type="sibTrans" cxnId="{D481FDEA-E878-4EB4-A8A8-CC50B1CB15BA}">
      <dgm:prSet/>
      <dgm:spPr/>
      <dgm:t>
        <a:bodyPr/>
        <a:lstStyle/>
        <a:p>
          <a:endParaRPr lang="ru-RU"/>
        </a:p>
      </dgm:t>
    </dgm:pt>
    <dgm:pt modelId="{8463301E-45B4-4524-9AB0-45DA502DD468}">
      <dgm:prSet phldrT="[Текст]" custT="1"/>
      <dgm:spPr/>
      <dgm:t>
        <a:bodyPr/>
        <a:lstStyle/>
        <a:p>
          <a:r>
            <a:rPr lang="kk-KZ" sz="2000" dirty="0" smtClean="0"/>
            <a:t>Сохраняет результаты на тр</a:t>
          </a:r>
          <a:r>
            <a:rPr lang="ru-KZ" sz="2000" dirty="0" smtClean="0"/>
            <a:t>ё</a:t>
          </a:r>
          <a:r>
            <a:rPr lang="kk-KZ" sz="2000" dirty="0" smtClean="0"/>
            <a:t>х файлах</a:t>
          </a:r>
          <a:endParaRPr lang="ru-RU" sz="2000" dirty="0"/>
        </a:p>
      </dgm:t>
    </dgm:pt>
    <dgm:pt modelId="{4CDADA51-2967-4C34-B993-37E745D85A8A}" type="parTrans" cxnId="{3AA78483-F279-424D-AE55-0E1896F04738}">
      <dgm:prSet/>
      <dgm:spPr/>
      <dgm:t>
        <a:bodyPr/>
        <a:lstStyle/>
        <a:p>
          <a:endParaRPr lang="ru-RU"/>
        </a:p>
      </dgm:t>
    </dgm:pt>
    <dgm:pt modelId="{E9FC5873-8884-4E22-AAA6-DA06A7525715}" type="sibTrans" cxnId="{3AA78483-F279-424D-AE55-0E1896F04738}">
      <dgm:prSet/>
      <dgm:spPr/>
      <dgm:t>
        <a:bodyPr/>
        <a:lstStyle/>
        <a:p>
          <a:endParaRPr lang="ru-RU"/>
        </a:p>
      </dgm:t>
    </dgm:pt>
    <dgm:pt modelId="{126F3E93-D6B8-450A-95E0-7A7284C76F48}" type="pres">
      <dgm:prSet presAssocID="{672784CA-A95C-4F18-987A-4F5DDEB7849A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76360B19-68F1-4EFA-9503-13E3A022E8B0}" type="pres">
      <dgm:prSet presAssocID="{672784CA-A95C-4F18-987A-4F5DDEB7849A}" presName="matrix" presStyleCnt="0"/>
      <dgm:spPr/>
    </dgm:pt>
    <dgm:pt modelId="{D10CA879-C151-4B70-B6BE-0D61CF599D8F}" type="pres">
      <dgm:prSet presAssocID="{672784CA-A95C-4F18-987A-4F5DDEB7849A}" presName="tile1" presStyleLbl="node1" presStyleIdx="0" presStyleCnt="4"/>
      <dgm:spPr/>
    </dgm:pt>
    <dgm:pt modelId="{9989D62A-9806-4C3C-929F-9A6A01A365D0}" type="pres">
      <dgm:prSet presAssocID="{672784CA-A95C-4F18-987A-4F5DDEB7849A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0F56FA62-C4A1-4AB8-996A-3C3E0CDBF5FE}" type="pres">
      <dgm:prSet presAssocID="{672784CA-A95C-4F18-987A-4F5DDEB7849A}" presName="tile2" presStyleLbl="node1" presStyleIdx="1" presStyleCnt="4"/>
      <dgm:spPr/>
    </dgm:pt>
    <dgm:pt modelId="{5E083D73-2B98-4F03-A73B-85F3982BCA4E}" type="pres">
      <dgm:prSet presAssocID="{672784CA-A95C-4F18-987A-4F5DDEB7849A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D6645B6B-E0CA-42B8-917F-3D950A2EE981}" type="pres">
      <dgm:prSet presAssocID="{672784CA-A95C-4F18-987A-4F5DDEB7849A}" presName="tile3" presStyleLbl="node1" presStyleIdx="2" presStyleCnt="4"/>
      <dgm:spPr/>
    </dgm:pt>
    <dgm:pt modelId="{54CEBEFB-43DD-48B1-A577-686C92D84509}" type="pres">
      <dgm:prSet presAssocID="{672784CA-A95C-4F18-987A-4F5DDEB7849A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BD0FF5D9-0397-4247-B421-C97F8E460243}" type="pres">
      <dgm:prSet presAssocID="{672784CA-A95C-4F18-987A-4F5DDEB7849A}" presName="tile4" presStyleLbl="node1" presStyleIdx="3" presStyleCnt="4"/>
      <dgm:spPr/>
      <dgm:t>
        <a:bodyPr/>
        <a:lstStyle/>
        <a:p>
          <a:endParaRPr lang="ru-RU"/>
        </a:p>
      </dgm:t>
    </dgm:pt>
    <dgm:pt modelId="{45FCEC9D-BA84-4492-9056-D46F7841F8AE}" type="pres">
      <dgm:prSet presAssocID="{672784CA-A95C-4F18-987A-4F5DDEB7849A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E1485507-BDAD-4924-8530-437FEC313287}" type="pres">
      <dgm:prSet presAssocID="{672784CA-A95C-4F18-987A-4F5DDEB7849A}" presName="centerTile" presStyleLbl="fgShp" presStyleIdx="0" presStyleCnt="1" custScaleX="112837" custScaleY="102655">
        <dgm:presLayoutVars>
          <dgm:chMax val="0"/>
          <dgm:chPref val="0"/>
        </dgm:presLayoutVars>
      </dgm:prSet>
      <dgm:spPr/>
    </dgm:pt>
  </dgm:ptLst>
  <dgm:cxnLst>
    <dgm:cxn modelId="{D1010610-0505-4015-B007-0836DB024716}" type="presOf" srcId="{62EC3DBF-FCF8-4890-8872-383A9EFFEB90}" destId="{0F56FA62-C4A1-4AB8-996A-3C3E0CDBF5FE}" srcOrd="0" destOrd="0" presId="urn:microsoft.com/office/officeart/2005/8/layout/matrix1"/>
    <dgm:cxn modelId="{D481FDEA-E878-4EB4-A8A8-CC50B1CB15BA}" srcId="{193AB457-15FF-4C6D-B8F1-822B19B8BFB5}" destId="{0F581AA1-E80D-499E-B9DD-B903B324640D}" srcOrd="2" destOrd="0" parTransId="{C6C4FDD2-4A44-4F35-AAE6-6B10EE4AAD5C}" sibTransId="{9570425D-FED4-467E-94D2-4FEA824F9EC8}"/>
    <dgm:cxn modelId="{EB3D0F77-7388-42C5-AC14-FF693F423305}" type="presOf" srcId="{0F581AA1-E80D-499E-B9DD-B903B324640D}" destId="{D6645B6B-E0CA-42B8-917F-3D950A2EE981}" srcOrd="0" destOrd="0" presId="urn:microsoft.com/office/officeart/2005/8/layout/matrix1"/>
    <dgm:cxn modelId="{B3DD99E3-B61F-4087-8A91-20660AE194B5}" type="presOf" srcId="{0F581AA1-E80D-499E-B9DD-B903B324640D}" destId="{54CEBEFB-43DD-48B1-A577-686C92D84509}" srcOrd="1" destOrd="0" presId="urn:microsoft.com/office/officeart/2005/8/layout/matrix1"/>
    <dgm:cxn modelId="{41889492-BF1B-4BFE-8F70-87A8363AA444}" srcId="{193AB457-15FF-4C6D-B8F1-822B19B8BFB5}" destId="{62EC3DBF-FCF8-4890-8872-383A9EFFEB90}" srcOrd="1" destOrd="0" parTransId="{AE4A142F-F1DC-4783-89C7-5C953B7298A4}" sibTransId="{E2931591-400F-4C19-98B9-DBBB3A398492}"/>
    <dgm:cxn modelId="{71E86A24-4E8D-4E40-BE49-8564B1FDF735}" type="presOf" srcId="{8463301E-45B4-4524-9AB0-45DA502DD468}" destId="{BD0FF5D9-0397-4247-B421-C97F8E460243}" srcOrd="0" destOrd="0" presId="urn:microsoft.com/office/officeart/2005/8/layout/matrix1"/>
    <dgm:cxn modelId="{60915BD8-BD30-4BF7-9F9A-5928C9A8EAD0}" type="presOf" srcId="{758714E2-4623-43B7-A67A-141140A09598}" destId="{9989D62A-9806-4C3C-929F-9A6A01A365D0}" srcOrd="1" destOrd="0" presId="urn:microsoft.com/office/officeart/2005/8/layout/matrix1"/>
    <dgm:cxn modelId="{6416C50F-7724-45B6-8522-0DFC4C252291}" srcId="{193AB457-15FF-4C6D-B8F1-822B19B8BFB5}" destId="{758714E2-4623-43B7-A67A-141140A09598}" srcOrd="0" destOrd="0" parTransId="{D585F37D-5186-42CA-8175-7A3A29568A51}" sibTransId="{B4DECB19-9314-4847-A8BF-574AA12DB4A0}"/>
    <dgm:cxn modelId="{98996695-A418-424F-8AC2-C9E7EAC88136}" type="presOf" srcId="{8463301E-45B4-4524-9AB0-45DA502DD468}" destId="{45FCEC9D-BA84-4492-9056-D46F7841F8AE}" srcOrd="1" destOrd="0" presId="urn:microsoft.com/office/officeart/2005/8/layout/matrix1"/>
    <dgm:cxn modelId="{3AA78483-F279-424D-AE55-0E1896F04738}" srcId="{193AB457-15FF-4C6D-B8F1-822B19B8BFB5}" destId="{8463301E-45B4-4524-9AB0-45DA502DD468}" srcOrd="3" destOrd="0" parTransId="{4CDADA51-2967-4C34-B993-37E745D85A8A}" sibTransId="{E9FC5873-8884-4E22-AAA6-DA06A7525715}"/>
    <dgm:cxn modelId="{C480B007-64FD-48C9-8301-91ADE5EBA1D2}" srcId="{672784CA-A95C-4F18-987A-4F5DDEB7849A}" destId="{193AB457-15FF-4C6D-B8F1-822B19B8BFB5}" srcOrd="0" destOrd="0" parTransId="{2DC621A6-4B37-4F58-9D83-8ED1775BE5CD}" sibTransId="{EC25883E-1F55-4286-9209-540F55DA19F1}"/>
    <dgm:cxn modelId="{DEE841C4-D46E-41CD-B8D7-3250E550550B}" type="presOf" srcId="{672784CA-A95C-4F18-987A-4F5DDEB7849A}" destId="{126F3E93-D6B8-450A-95E0-7A7284C76F48}" srcOrd="0" destOrd="0" presId="urn:microsoft.com/office/officeart/2005/8/layout/matrix1"/>
    <dgm:cxn modelId="{76C29034-DFCB-45B9-A867-EF193C810231}" type="presOf" srcId="{62EC3DBF-FCF8-4890-8872-383A9EFFEB90}" destId="{5E083D73-2B98-4F03-A73B-85F3982BCA4E}" srcOrd="1" destOrd="0" presId="urn:microsoft.com/office/officeart/2005/8/layout/matrix1"/>
    <dgm:cxn modelId="{7E788DA9-CC2C-426E-BA5E-AC9AADFC9A39}" type="presOf" srcId="{193AB457-15FF-4C6D-B8F1-822B19B8BFB5}" destId="{E1485507-BDAD-4924-8530-437FEC313287}" srcOrd="0" destOrd="0" presId="urn:microsoft.com/office/officeart/2005/8/layout/matrix1"/>
    <dgm:cxn modelId="{0E6B50F4-3212-449F-A618-2BCDD42F12A2}" type="presOf" srcId="{758714E2-4623-43B7-A67A-141140A09598}" destId="{D10CA879-C151-4B70-B6BE-0D61CF599D8F}" srcOrd="0" destOrd="0" presId="urn:microsoft.com/office/officeart/2005/8/layout/matrix1"/>
    <dgm:cxn modelId="{58C3B855-85A3-4879-908F-26C53D795010}" type="presParOf" srcId="{126F3E93-D6B8-450A-95E0-7A7284C76F48}" destId="{76360B19-68F1-4EFA-9503-13E3A022E8B0}" srcOrd="0" destOrd="0" presId="urn:microsoft.com/office/officeart/2005/8/layout/matrix1"/>
    <dgm:cxn modelId="{0EFADA0E-265B-46D9-9DFF-35B4052193F8}" type="presParOf" srcId="{76360B19-68F1-4EFA-9503-13E3A022E8B0}" destId="{D10CA879-C151-4B70-B6BE-0D61CF599D8F}" srcOrd="0" destOrd="0" presId="urn:microsoft.com/office/officeart/2005/8/layout/matrix1"/>
    <dgm:cxn modelId="{621243F7-058E-4756-B61E-53C739788927}" type="presParOf" srcId="{76360B19-68F1-4EFA-9503-13E3A022E8B0}" destId="{9989D62A-9806-4C3C-929F-9A6A01A365D0}" srcOrd="1" destOrd="0" presId="urn:microsoft.com/office/officeart/2005/8/layout/matrix1"/>
    <dgm:cxn modelId="{2A7F91B2-4CE0-4C4E-9C2D-257AB9876982}" type="presParOf" srcId="{76360B19-68F1-4EFA-9503-13E3A022E8B0}" destId="{0F56FA62-C4A1-4AB8-996A-3C3E0CDBF5FE}" srcOrd="2" destOrd="0" presId="urn:microsoft.com/office/officeart/2005/8/layout/matrix1"/>
    <dgm:cxn modelId="{882C1FC7-EB26-473E-A3FC-E5901D7DC11E}" type="presParOf" srcId="{76360B19-68F1-4EFA-9503-13E3A022E8B0}" destId="{5E083D73-2B98-4F03-A73B-85F3982BCA4E}" srcOrd="3" destOrd="0" presId="urn:microsoft.com/office/officeart/2005/8/layout/matrix1"/>
    <dgm:cxn modelId="{F9AAF9EE-1A0F-4FEA-9320-5B9012BA4AB6}" type="presParOf" srcId="{76360B19-68F1-4EFA-9503-13E3A022E8B0}" destId="{D6645B6B-E0CA-42B8-917F-3D950A2EE981}" srcOrd="4" destOrd="0" presId="urn:microsoft.com/office/officeart/2005/8/layout/matrix1"/>
    <dgm:cxn modelId="{418B258E-CA63-4119-9738-0B21F5AD884E}" type="presParOf" srcId="{76360B19-68F1-4EFA-9503-13E3A022E8B0}" destId="{54CEBEFB-43DD-48B1-A577-686C92D84509}" srcOrd="5" destOrd="0" presId="urn:microsoft.com/office/officeart/2005/8/layout/matrix1"/>
    <dgm:cxn modelId="{51BDFE0A-CC4D-4747-918C-F5CCA9B0881A}" type="presParOf" srcId="{76360B19-68F1-4EFA-9503-13E3A022E8B0}" destId="{BD0FF5D9-0397-4247-B421-C97F8E460243}" srcOrd="6" destOrd="0" presId="urn:microsoft.com/office/officeart/2005/8/layout/matrix1"/>
    <dgm:cxn modelId="{174CEC96-75D3-4462-B095-8A593F822C55}" type="presParOf" srcId="{76360B19-68F1-4EFA-9503-13E3A022E8B0}" destId="{45FCEC9D-BA84-4492-9056-D46F7841F8AE}" srcOrd="7" destOrd="0" presId="urn:microsoft.com/office/officeart/2005/8/layout/matrix1"/>
    <dgm:cxn modelId="{EBF07953-46C2-4740-ABB6-397FDB8AA146}" type="presParOf" srcId="{126F3E93-D6B8-450A-95E0-7A7284C76F48}" destId="{E1485507-BDAD-4924-8530-437FEC313287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39EACD48-DD29-4015-BD3D-82CF94D95832}" type="doc">
      <dgm:prSet loTypeId="urn:microsoft.com/office/officeart/2005/8/layout/matrix1" loCatId="matrix" qsTypeId="urn:microsoft.com/office/officeart/2005/8/quickstyle/3d3" qsCatId="3D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1A69930C-A1A0-43D1-93F5-1BEBDC8BD16C}">
      <dgm:prSet phldrT="[Текст]"/>
      <dgm:spPr/>
      <dgm:t>
        <a:bodyPr/>
        <a:lstStyle/>
        <a:p>
          <a:r>
            <a:rPr lang="kk-KZ" dirty="0" smtClean="0"/>
            <a:t>Общение</a:t>
          </a:r>
          <a:endParaRPr lang="ru-RU" dirty="0"/>
        </a:p>
      </dgm:t>
    </dgm:pt>
    <dgm:pt modelId="{02DBEEDA-7C11-4546-B6A7-AD48B742F5A8}" type="parTrans" cxnId="{9BE7A76E-61C4-40BC-8104-EA00416297D9}">
      <dgm:prSet/>
      <dgm:spPr/>
      <dgm:t>
        <a:bodyPr/>
        <a:lstStyle/>
        <a:p>
          <a:endParaRPr lang="ru-RU"/>
        </a:p>
      </dgm:t>
    </dgm:pt>
    <dgm:pt modelId="{EEB1F9C1-A2F3-4FA8-B9D0-E1E29CDF5D6D}" type="sibTrans" cxnId="{9BE7A76E-61C4-40BC-8104-EA00416297D9}">
      <dgm:prSet/>
      <dgm:spPr/>
      <dgm:t>
        <a:bodyPr/>
        <a:lstStyle/>
        <a:p>
          <a:endParaRPr lang="ru-RU"/>
        </a:p>
      </dgm:t>
    </dgm:pt>
    <dgm:pt modelId="{6DE9DD75-3AF9-49A2-B3BB-7CF081ACE10A}">
      <dgm:prSet phldrT="[Текст]"/>
      <dgm:spPr/>
      <dgm:t>
        <a:bodyPr/>
        <a:lstStyle/>
        <a:p>
          <a:r>
            <a:rPr lang="kk-KZ" dirty="0" smtClean="0"/>
            <a:t>Познакомилась с новыми людьми</a:t>
          </a:r>
          <a:endParaRPr lang="ru-RU" dirty="0"/>
        </a:p>
      </dgm:t>
    </dgm:pt>
    <dgm:pt modelId="{C66B9981-FAC0-4BF0-8F13-DE5C0A4CF1C1}" type="parTrans" cxnId="{249D0159-62E7-4306-B58B-430E92B02598}">
      <dgm:prSet/>
      <dgm:spPr/>
      <dgm:t>
        <a:bodyPr/>
        <a:lstStyle/>
        <a:p>
          <a:endParaRPr lang="ru-RU"/>
        </a:p>
      </dgm:t>
    </dgm:pt>
    <dgm:pt modelId="{177B65E0-15E4-4CC4-9E01-78CDB319A261}" type="sibTrans" cxnId="{249D0159-62E7-4306-B58B-430E92B02598}">
      <dgm:prSet/>
      <dgm:spPr/>
      <dgm:t>
        <a:bodyPr/>
        <a:lstStyle/>
        <a:p>
          <a:endParaRPr lang="ru-RU"/>
        </a:p>
      </dgm:t>
    </dgm:pt>
    <dgm:pt modelId="{EB6C2701-65A5-4C74-9A93-0148E188643B}">
      <dgm:prSet phldrT="[Текст]"/>
      <dgm:spPr/>
      <dgm:t>
        <a:bodyPr/>
        <a:lstStyle/>
        <a:p>
          <a:r>
            <a:rPr lang="kk-KZ" dirty="0" smtClean="0"/>
            <a:t>Присутвовала дружелюбная атмосфера</a:t>
          </a:r>
          <a:endParaRPr lang="ru-RU" dirty="0"/>
        </a:p>
      </dgm:t>
    </dgm:pt>
    <dgm:pt modelId="{B41172F2-4A3A-4AE6-82D9-CEF1F25768EF}" type="parTrans" cxnId="{1FDE2369-69CF-4484-B596-1267E9DEA08E}">
      <dgm:prSet/>
      <dgm:spPr/>
      <dgm:t>
        <a:bodyPr/>
        <a:lstStyle/>
        <a:p>
          <a:endParaRPr lang="ru-RU"/>
        </a:p>
      </dgm:t>
    </dgm:pt>
    <dgm:pt modelId="{2F9B5348-729F-4489-BFA6-55921DA74B2C}" type="sibTrans" cxnId="{1FDE2369-69CF-4484-B596-1267E9DEA08E}">
      <dgm:prSet/>
      <dgm:spPr/>
      <dgm:t>
        <a:bodyPr/>
        <a:lstStyle/>
        <a:p>
          <a:endParaRPr lang="ru-RU"/>
        </a:p>
      </dgm:t>
    </dgm:pt>
    <dgm:pt modelId="{79273418-8CA3-46BB-82F0-956C61596C3E}">
      <dgm:prSet phldrT="[Текст]"/>
      <dgm:spPr/>
      <dgm:t>
        <a:bodyPr/>
        <a:lstStyle/>
        <a:p>
          <a:r>
            <a:rPr lang="kk-KZ" dirty="0" smtClean="0"/>
            <a:t>Чаепитие</a:t>
          </a:r>
          <a:endParaRPr lang="ru-RU" dirty="0"/>
        </a:p>
      </dgm:t>
    </dgm:pt>
    <dgm:pt modelId="{DB131969-7AE5-44D0-A8C4-1FBD5A08428E}" type="parTrans" cxnId="{FEF45FD4-F004-4CE8-88C5-86F028402E48}">
      <dgm:prSet/>
      <dgm:spPr/>
      <dgm:t>
        <a:bodyPr/>
        <a:lstStyle/>
        <a:p>
          <a:endParaRPr lang="ru-RU"/>
        </a:p>
      </dgm:t>
    </dgm:pt>
    <dgm:pt modelId="{9C9F300A-12E3-43D7-A2A7-93160EE3859F}" type="sibTrans" cxnId="{FEF45FD4-F004-4CE8-88C5-86F028402E48}">
      <dgm:prSet/>
      <dgm:spPr/>
      <dgm:t>
        <a:bodyPr/>
        <a:lstStyle/>
        <a:p>
          <a:endParaRPr lang="ru-RU"/>
        </a:p>
      </dgm:t>
    </dgm:pt>
    <dgm:pt modelId="{F585202D-7D3B-4188-81C5-D4AB2E65A12E}">
      <dgm:prSet phldrT="[Текст]"/>
      <dgm:spPr/>
      <dgm:t>
        <a:bodyPr/>
        <a:lstStyle/>
        <a:p>
          <a:r>
            <a:rPr lang="kk-KZ" dirty="0" smtClean="0"/>
            <a:t>Обсуждение задачи</a:t>
          </a:r>
          <a:endParaRPr lang="ru-RU" dirty="0"/>
        </a:p>
      </dgm:t>
    </dgm:pt>
    <dgm:pt modelId="{1E5B6DD0-4B39-4023-BF52-1CDBD5EB7A9A}" type="parTrans" cxnId="{4814166B-B92D-438E-A824-9D5B29D05610}">
      <dgm:prSet/>
      <dgm:spPr/>
      <dgm:t>
        <a:bodyPr/>
        <a:lstStyle/>
        <a:p>
          <a:endParaRPr lang="ru-RU"/>
        </a:p>
      </dgm:t>
    </dgm:pt>
    <dgm:pt modelId="{F5BA2104-0F7A-439F-B685-EC1BEB6673A6}" type="sibTrans" cxnId="{4814166B-B92D-438E-A824-9D5B29D05610}">
      <dgm:prSet/>
      <dgm:spPr/>
      <dgm:t>
        <a:bodyPr/>
        <a:lstStyle/>
        <a:p>
          <a:endParaRPr lang="ru-RU"/>
        </a:p>
      </dgm:t>
    </dgm:pt>
    <dgm:pt modelId="{408ABB3B-0E4F-49B5-8EA3-B850B348A10D}" type="pres">
      <dgm:prSet presAssocID="{39EACD48-DD29-4015-BD3D-82CF94D95832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4C763C46-8754-4290-9A82-D695212071F1}" type="pres">
      <dgm:prSet presAssocID="{39EACD48-DD29-4015-BD3D-82CF94D95832}" presName="matrix" presStyleCnt="0"/>
      <dgm:spPr/>
    </dgm:pt>
    <dgm:pt modelId="{9F3634B4-828A-4AF5-87E4-9A2E910676FB}" type="pres">
      <dgm:prSet presAssocID="{39EACD48-DD29-4015-BD3D-82CF94D95832}" presName="tile1" presStyleLbl="node1" presStyleIdx="0" presStyleCnt="4"/>
      <dgm:spPr/>
    </dgm:pt>
    <dgm:pt modelId="{E193F13B-0F3B-4223-98F5-C5227B2F1104}" type="pres">
      <dgm:prSet presAssocID="{39EACD48-DD29-4015-BD3D-82CF94D95832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5E6775F6-953E-433D-AEC8-BA9D4A21537D}" type="pres">
      <dgm:prSet presAssocID="{39EACD48-DD29-4015-BD3D-82CF94D95832}" presName="tile2" presStyleLbl="node1" presStyleIdx="1" presStyleCnt="4"/>
      <dgm:spPr/>
    </dgm:pt>
    <dgm:pt modelId="{0E1135A1-BFA4-4699-8CDC-F08948EBC8F0}" type="pres">
      <dgm:prSet presAssocID="{39EACD48-DD29-4015-BD3D-82CF94D95832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DF6D7C46-30D5-4A6F-BCE9-73003095115D}" type="pres">
      <dgm:prSet presAssocID="{39EACD48-DD29-4015-BD3D-82CF94D95832}" presName="tile3" presStyleLbl="node1" presStyleIdx="2" presStyleCnt="4"/>
      <dgm:spPr/>
    </dgm:pt>
    <dgm:pt modelId="{D0359C05-334A-42C8-8CA8-62374367EC56}" type="pres">
      <dgm:prSet presAssocID="{39EACD48-DD29-4015-BD3D-82CF94D95832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BE5ABCC8-C7AE-4DA6-947F-5FAA6EFE6ECC}" type="pres">
      <dgm:prSet presAssocID="{39EACD48-DD29-4015-BD3D-82CF94D95832}" presName="tile4" presStyleLbl="node1" presStyleIdx="3" presStyleCnt="4"/>
      <dgm:spPr/>
      <dgm:t>
        <a:bodyPr/>
        <a:lstStyle/>
        <a:p>
          <a:endParaRPr lang="ru-RU"/>
        </a:p>
      </dgm:t>
    </dgm:pt>
    <dgm:pt modelId="{904EDE84-82B1-4E42-8886-F898F2DFF865}" type="pres">
      <dgm:prSet presAssocID="{39EACD48-DD29-4015-BD3D-82CF94D95832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2D4B1B4-1956-41F2-B77F-F94D7B3FC170}" type="pres">
      <dgm:prSet presAssocID="{39EACD48-DD29-4015-BD3D-82CF94D95832}" presName="centerTile" presStyleLbl="fgShp" presStyleIdx="0" presStyleCnt="1" custScaleX="107661" custScaleY="91485">
        <dgm:presLayoutVars>
          <dgm:chMax val="0"/>
          <dgm:chPref val="0"/>
        </dgm:presLayoutVars>
      </dgm:prSet>
      <dgm:spPr/>
      <dgm:t>
        <a:bodyPr/>
        <a:lstStyle/>
        <a:p>
          <a:endParaRPr lang="ru-RU"/>
        </a:p>
      </dgm:t>
    </dgm:pt>
  </dgm:ptLst>
  <dgm:cxnLst>
    <dgm:cxn modelId="{D6772972-ACEA-43E1-8A9C-1733046B6F97}" type="presOf" srcId="{F585202D-7D3B-4188-81C5-D4AB2E65A12E}" destId="{D0359C05-334A-42C8-8CA8-62374367EC56}" srcOrd="1" destOrd="0" presId="urn:microsoft.com/office/officeart/2005/8/layout/matrix1"/>
    <dgm:cxn modelId="{33150706-F9CE-43BB-B6E7-DF8E1A3CCD54}" type="presOf" srcId="{79273418-8CA3-46BB-82F0-956C61596C3E}" destId="{BE5ABCC8-C7AE-4DA6-947F-5FAA6EFE6ECC}" srcOrd="0" destOrd="0" presId="urn:microsoft.com/office/officeart/2005/8/layout/matrix1"/>
    <dgm:cxn modelId="{9BE7A76E-61C4-40BC-8104-EA00416297D9}" srcId="{39EACD48-DD29-4015-BD3D-82CF94D95832}" destId="{1A69930C-A1A0-43D1-93F5-1BEBDC8BD16C}" srcOrd="0" destOrd="0" parTransId="{02DBEEDA-7C11-4546-B6A7-AD48B742F5A8}" sibTransId="{EEB1F9C1-A2F3-4FA8-B9D0-E1E29CDF5D6D}"/>
    <dgm:cxn modelId="{60714150-FFA6-4800-B748-A23D6ECF44A6}" type="presOf" srcId="{39EACD48-DD29-4015-BD3D-82CF94D95832}" destId="{408ABB3B-0E4F-49B5-8EA3-B850B348A10D}" srcOrd="0" destOrd="0" presId="urn:microsoft.com/office/officeart/2005/8/layout/matrix1"/>
    <dgm:cxn modelId="{8E7C196E-2DF4-4FFC-8D3A-058B7E9B9317}" type="presOf" srcId="{F585202D-7D3B-4188-81C5-D4AB2E65A12E}" destId="{DF6D7C46-30D5-4A6F-BCE9-73003095115D}" srcOrd="0" destOrd="0" presId="urn:microsoft.com/office/officeart/2005/8/layout/matrix1"/>
    <dgm:cxn modelId="{4381ABAC-73A4-4783-B233-2B253597A2C4}" type="presOf" srcId="{79273418-8CA3-46BB-82F0-956C61596C3E}" destId="{904EDE84-82B1-4E42-8886-F898F2DFF865}" srcOrd="1" destOrd="0" presId="urn:microsoft.com/office/officeart/2005/8/layout/matrix1"/>
    <dgm:cxn modelId="{1FDE2369-69CF-4484-B596-1267E9DEA08E}" srcId="{1A69930C-A1A0-43D1-93F5-1BEBDC8BD16C}" destId="{EB6C2701-65A5-4C74-9A93-0148E188643B}" srcOrd="1" destOrd="0" parTransId="{B41172F2-4A3A-4AE6-82D9-CEF1F25768EF}" sibTransId="{2F9B5348-729F-4489-BFA6-55921DA74B2C}"/>
    <dgm:cxn modelId="{C55E7F1A-33EB-408D-A497-6B8B6DB025E7}" type="presOf" srcId="{1A69930C-A1A0-43D1-93F5-1BEBDC8BD16C}" destId="{92D4B1B4-1956-41F2-B77F-F94D7B3FC170}" srcOrd="0" destOrd="0" presId="urn:microsoft.com/office/officeart/2005/8/layout/matrix1"/>
    <dgm:cxn modelId="{14843DB2-83F2-4921-99E6-488D893197FD}" type="presOf" srcId="{EB6C2701-65A5-4C74-9A93-0148E188643B}" destId="{0E1135A1-BFA4-4699-8CDC-F08948EBC8F0}" srcOrd="1" destOrd="0" presId="urn:microsoft.com/office/officeart/2005/8/layout/matrix1"/>
    <dgm:cxn modelId="{FADC1700-D516-4EB4-B0AB-23C1A419C873}" type="presOf" srcId="{6DE9DD75-3AF9-49A2-B3BB-7CF081ACE10A}" destId="{E193F13B-0F3B-4223-98F5-C5227B2F1104}" srcOrd="1" destOrd="0" presId="urn:microsoft.com/office/officeart/2005/8/layout/matrix1"/>
    <dgm:cxn modelId="{FC94FA72-F838-4D8B-A537-8CA1C8173DA1}" type="presOf" srcId="{6DE9DD75-3AF9-49A2-B3BB-7CF081ACE10A}" destId="{9F3634B4-828A-4AF5-87E4-9A2E910676FB}" srcOrd="0" destOrd="0" presId="urn:microsoft.com/office/officeart/2005/8/layout/matrix1"/>
    <dgm:cxn modelId="{249D0159-62E7-4306-B58B-430E92B02598}" srcId="{1A69930C-A1A0-43D1-93F5-1BEBDC8BD16C}" destId="{6DE9DD75-3AF9-49A2-B3BB-7CF081ACE10A}" srcOrd="0" destOrd="0" parTransId="{C66B9981-FAC0-4BF0-8F13-DE5C0A4CF1C1}" sibTransId="{177B65E0-15E4-4CC4-9E01-78CDB319A261}"/>
    <dgm:cxn modelId="{4814166B-B92D-438E-A824-9D5B29D05610}" srcId="{1A69930C-A1A0-43D1-93F5-1BEBDC8BD16C}" destId="{F585202D-7D3B-4188-81C5-D4AB2E65A12E}" srcOrd="2" destOrd="0" parTransId="{1E5B6DD0-4B39-4023-BF52-1CDBD5EB7A9A}" sibTransId="{F5BA2104-0F7A-439F-B685-EC1BEB6673A6}"/>
    <dgm:cxn modelId="{FEF45FD4-F004-4CE8-88C5-86F028402E48}" srcId="{1A69930C-A1A0-43D1-93F5-1BEBDC8BD16C}" destId="{79273418-8CA3-46BB-82F0-956C61596C3E}" srcOrd="3" destOrd="0" parTransId="{DB131969-7AE5-44D0-A8C4-1FBD5A08428E}" sibTransId="{9C9F300A-12E3-43D7-A2A7-93160EE3859F}"/>
    <dgm:cxn modelId="{FA7EA492-13B1-40C6-9B0B-DFD43A4F4A71}" type="presOf" srcId="{EB6C2701-65A5-4C74-9A93-0148E188643B}" destId="{5E6775F6-953E-433D-AEC8-BA9D4A21537D}" srcOrd="0" destOrd="0" presId="urn:microsoft.com/office/officeart/2005/8/layout/matrix1"/>
    <dgm:cxn modelId="{E4CCBD25-FD91-4B3D-86F1-681915479D0A}" type="presParOf" srcId="{408ABB3B-0E4F-49B5-8EA3-B850B348A10D}" destId="{4C763C46-8754-4290-9A82-D695212071F1}" srcOrd="0" destOrd="0" presId="urn:microsoft.com/office/officeart/2005/8/layout/matrix1"/>
    <dgm:cxn modelId="{8DDAEBA7-8C40-4A99-9720-812F5FC7FCC4}" type="presParOf" srcId="{4C763C46-8754-4290-9A82-D695212071F1}" destId="{9F3634B4-828A-4AF5-87E4-9A2E910676FB}" srcOrd="0" destOrd="0" presId="urn:microsoft.com/office/officeart/2005/8/layout/matrix1"/>
    <dgm:cxn modelId="{1B38CAD9-C9F1-44CB-9A97-BCD095EBCD99}" type="presParOf" srcId="{4C763C46-8754-4290-9A82-D695212071F1}" destId="{E193F13B-0F3B-4223-98F5-C5227B2F1104}" srcOrd="1" destOrd="0" presId="urn:microsoft.com/office/officeart/2005/8/layout/matrix1"/>
    <dgm:cxn modelId="{B04B8030-C724-4F97-B2BF-F203D8264F9D}" type="presParOf" srcId="{4C763C46-8754-4290-9A82-D695212071F1}" destId="{5E6775F6-953E-433D-AEC8-BA9D4A21537D}" srcOrd="2" destOrd="0" presId="urn:microsoft.com/office/officeart/2005/8/layout/matrix1"/>
    <dgm:cxn modelId="{BBB4F4DC-0E49-4C22-94E1-F4E4CD9A8E98}" type="presParOf" srcId="{4C763C46-8754-4290-9A82-D695212071F1}" destId="{0E1135A1-BFA4-4699-8CDC-F08948EBC8F0}" srcOrd="3" destOrd="0" presId="urn:microsoft.com/office/officeart/2005/8/layout/matrix1"/>
    <dgm:cxn modelId="{3BD17842-B320-4F5E-9306-C4BED238DF75}" type="presParOf" srcId="{4C763C46-8754-4290-9A82-D695212071F1}" destId="{DF6D7C46-30D5-4A6F-BCE9-73003095115D}" srcOrd="4" destOrd="0" presId="urn:microsoft.com/office/officeart/2005/8/layout/matrix1"/>
    <dgm:cxn modelId="{78D885DC-4F46-4513-A3F6-9A919A51E38F}" type="presParOf" srcId="{4C763C46-8754-4290-9A82-D695212071F1}" destId="{D0359C05-334A-42C8-8CA8-62374367EC56}" srcOrd="5" destOrd="0" presId="urn:microsoft.com/office/officeart/2005/8/layout/matrix1"/>
    <dgm:cxn modelId="{468F6A95-BB05-40FB-8B8E-B8C22431F99A}" type="presParOf" srcId="{4C763C46-8754-4290-9A82-D695212071F1}" destId="{BE5ABCC8-C7AE-4DA6-947F-5FAA6EFE6ECC}" srcOrd="6" destOrd="0" presId="urn:microsoft.com/office/officeart/2005/8/layout/matrix1"/>
    <dgm:cxn modelId="{20905998-65B3-48D9-84D1-C203C05ABB13}" type="presParOf" srcId="{4C763C46-8754-4290-9A82-D695212071F1}" destId="{904EDE84-82B1-4E42-8886-F898F2DFF865}" srcOrd="7" destOrd="0" presId="urn:microsoft.com/office/officeart/2005/8/layout/matrix1"/>
    <dgm:cxn modelId="{369F26A9-5462-4909-95F9-5BB5C706109C}" type="presParOf" srcId="{408ABB3B-0E4F-49B5-8EA3-B850B348A10D}" destId="{92D4B1B4-1956-41F2-B77F-F94D7B3FC170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9A6231-DC05-4E3A-B91D-4D36A0F9F348}">
      <dsp:nvSpPr>
        <dsp:cNvPr id="0" name=""/>
        <dsp:cNvSpPr/>
      </dsp:nvSpPr>
      <dsp:spPr>
        <a:xfrm>
          <a:off x="0" y="4857237"/>
          <a:ext cx="7272808" cy="106264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Наставники</a:t>
          </a:r>
          <a:endParaRPr lang="kk-KZ" sz="2000" kern="1200" dirty="0" smtClean="0"/>
        </a:p>
      </dsp:txBody>
      <dsp:txXfrm>
        <a:off x="0" y="4857237"/>
        <a:ext cx="7272808" cy="573828"/>
      </dsp:txXfrm>
    </dsp:sp>
    <dsp:sp modelId="{0A0D18E2-3F98-4F44-A159-3EBFEED57AE9}">
      <dsp:nvSpPr>
        <dsp:cNvPr id="0" name=""/>
        <dsp:cNvSpPr/>
      </dsp:nvSpPr>
      <dsp:spPr>
        <a:xfrm>
          <a:off x="0" y="5409813"/>
          <a:ext cx="3636404" cy="488816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dirty="0" smtClean="0"/>
            <a:t>Альмагамбетова Эльмира</a:t>
          </a:r>
          <a:endParaRPr lang="kk-KZ" sz="2300" kern="1200" dirty="0" smtClean="0"/>
        </a:p>
      </dsp:txBody>
      <dsp:txXfrm>
        <a:off x="0" y="5409813"/>
        <a:ext cx="3636404" cy="488816"/>
      </dsp:txXfrm>
    </dsp:sp>
    <dsp:sp modelId="{132792CC-FB4D-4E64-A612-E951CA0F5CE2}">
      <dsp:nvSpPr>
        <dsp:cNvPr id="0" name=""/>
        <dsp:cNvSpPr/>
      </dsp:nvSpPr>
      <dsp:spPr>
        <a:xfrm>
          <a:off x="3636404" y="5409813"/>
          <a:ext cx="3636404" cy="488816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dirty="0" smtClean="0"/>
            <a:t>Бойков Виталий</a:t>
          </a:r>
          <a:endParaRPr lang="en-US" sz="2300" kern="1200" dirty="0" smtClean="0"/>
        </a:p>
      </dsp:txBody>
      <dsp:txXfrm>
        <a:off x="3636404" y="5409813"/>
        <a:ext cx="3636404" cy="488816"/>
      </dsp:txXfrm>
    </dsp:sp>
    <dsp:sp modelId="{BD5C6703-0418-4B28-80AE-D8CBDAB03352}">
      <dsp:nvSpPr>
        <dsp:cNvPr id="0" name=""/>
        <dsp:cNvSpPr/>
      </dsp:nvSpPr>
      <dsp:spPr>
        <a:xfrm rot="10800000">
          <a:off x="0" y="3238829"/>
          <a:ext cx="7272808" cy="1634347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Компания стажировки</a:t>
          </a:r>
          <a:endParaRPr lang="kk-KZ" sz="2000" kern="1200" dirty="0" smtClean="0"/>
        </a:p>
      </dsp:txBody>
      <dsp:txXfrm rot="-10800000">
        <a:off x="0" y="3238829"/>
        <a:ext cx="7272808" cy="573656"/>
      </dsp:txXfrm>
    </dsp:sp>
    <dsp:sp modelId="{0A354812-29B5-4CAC-A187-86251DC295F2}">
      <dsp:nvSpPr>
        <dsp:cNvPr id="0" name=""/>
        <dsp:cNvSpPr/>
      </dsp:nvSpPr>
      <dsp:spPr>
        <a:xfrm>
          <a:off x="0" y="3812485"/>
          <a:ext cx="3636404" cy="48867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dirty="0" smtClean="0"/>
            <a:t>АО </a:t>
          </a:r>
          <a:r>
            <a:rPr lang="en-US" sz="2300" kern="1200" dirty="0" smtClean="0"/>
            <a:t>“</a:t>
          </a:r>
          <a:r>
            <a:rPr lang="en-US" sz="2300" kern="1200" dirty="0" err="1" smtClean="0"/>
            <a:t>Kcell</a:t>
          </a:r>
          <a:r>
            <a:rPr lang="en-US" sz="2300" kern="1200" dirty="0" smtClean="0"/>
            <a:t>”</a:t>
          </a:r>
          <a:endParaRPr lang="kk-KZ" sz="2300" kern="1200" dirty="0" smtClean="0"/>
        </a:p>
      </dsp:txBody>
      <dsp:txXfrm>
        <a:off x="0" y="3812485"/>
        <a:ext cx="3636404" cy="488670"/>
      </dsp:txXfrm>
    </dsp:sp>
    <dsp:sp modelId="{A26BE443-31E9-4319-9252-479B8DB45110}">
      <dsp:nvSpPr>
        <dsp:cNvPr id="0" name=""/>
        <dsp:cNvSpPr/>
      </dsp:nvSpPr>
      <dsp:spPr>
        <a:xfrm>
          <a:off x="3636404" y="3812485"/>
          <a:ext cx="3636404" cy="48867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dirty="0" smtClean="0"/>
            <a:t>Отдел бизнес аналитики</a:t>
          </a:r>
          <a:endParaRPr lang="kk-KZ" sz="2300" kern="1200" dirty="0" smtClean="0"/>
        </a:p>
      </dsp:txBody>
      <dsp:txXfrm>
        <a:off x="3636404" y="3812485"/>
        <a:ext cx="3636404" cy="488670"/>
      </dsp:txXfrm>
    </dsp:sp>
    <dsp:sp modelId="{5A4A8E7A-D86A-4729-9A96-F717466AA81C}">
      <dsp:nvSpPr>
        <dsp:cNvPr id="0" name=""/>
        <dsp:cNvSpPr/>
      </dsp:nvSpPr>
      <dsp:spPr>
        <a:xfrm rot="10800000">
          <a:off x="0" y="1620421"/>
          <a:ext cx="7272808" cy="1634347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Длительность</a:t>
          </a:r>
          <a:endParaRPr lang="kk-KZ" sz="2000" kern="1200" dirty="0" smtClean="0"/>
        </a:p>
      </dsp:txBody>
      <dsp:txXfrm rot="-10800000">
        <a:off x="0" y="1620421"/>
        <a:ext cx="7272808" cy="573656"/>
      </dsp:txXfrm>
    </dsp:sp>
    <dsp:sp modelId="{F4F3606C-B156-439F-9E92-E4590E4FE319}">
      <dsp:nvSpPr>
        <dsp:cNvPr id="0" name=""/>
        <dsp:cNvSpPr/>
      </dsp:nvSpPr>
      <dsp:spPr>
        <a:xfrm>
          <a:off x="0" y="2194077"/>
          <a:ext cx="7272808" cy="48867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smtClean="0"/>
            <a:t>82 </a:t>
          </a:r>
          <a:r>
            <a:rPr lang="kk-KZ" sz="2300" kern="1200" dirty="0" smtClean="0"/>
            <a:t>дней</a:t>
          </a:r>
          <a:endParaRPr lang="kk-KZ" sz="2300" kern="1200" dirty="0" smtClean="0"/>
        </a:p>
      </dsp:txBody>
      <dsp:txXfrm>
        <a:off x="0" y="2194077"/>
        <a:ext cx="7272808" cy="488670"/>
      </dsp:txXfrm>
    </dsp:sp>
    <dsp:sp modelId="{B8611129-CB7C-41D8-8E45-B6D58A9E77E7}">
      <dsp:nvSpPr>
        <dsp:cNvPr id="0" name=""/>
        <dsp:cNvSpPr/>
      </dsp:nvSpPr>
      <dsp:spPr>
        <a:xfrm rot="10800000">
          <a:off x="0" y="2013"/>
          <a:ext cx="7272808" cy="1634347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Период</a:t>
          </a:r>
          <a:endParaRPr lang="ru-RU" sz="2000" kern="1200" dirty="0"/>
        </a:p>
      </dsp:txBody>
      <dsp:txXfrm rot="-10800000">
        <a:off x="0" y="2013"/>
        <a:ext cx="7272808" cy="573656"/>
      </dsp:txXfrm>
    </dsp:sp>
    <dsp:sp modelId="{7FA258B9-8DE5-473A-A8EF-1D6949379240}">
      <dsp:nvSpPr>
        <dsp:cNvPr id="0" name=""/>
        <dsp:cNvSpPr/>
      </dsp:nvSpPr>
      <dsp:spPr>
        <a:xfrm>
          <a:off x="0" y="575669"/>
          <a:ext cx="7272808" cy="48867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3576" tIns="29210" rIns="163576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300" kern="1200" dirty="0" smtClean="0"/>
            <a:t>17 июня-6 сентября</a:t>
          </a:r>
          <a:endParaRPr lang="ru-RU" sz="2300" kern="1200" dirty="0"/>
        </a:p>
      </dsp:txBody>
      <dsp:txXfrm>
        <a:off x="0" y="575669"/>
        <a:ext cx="7272808" cy="48867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A3C1F6E-F7C7-49A2-8BAC-07804F622017}">
      <dsp:nvSpPr>
        <dsp:cNvPr id="0" name=""/>
        <dsp:cNvSpPr/>
      </dsp:nvSpPr>
      <dsp:spPr>
        <a:xfrm>
          <a:off x="0" y="1512168"/>
          <a:ext cx="9144000" cy="2016224"/>
        </a:xfrm>
        <a:prstGeom prst="notched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278B07F-780D-4766-AF21-DA9F3B2869AC}">
      <dsp:nvSpPr>
        <dsp:cNvPr id="0" name=""/>
        <dsp:cNvSpPr/>
      </dsp:nvSpPr>
      <dsp:spPr>
        <a:xfrm>
          <a:off x="3616" y="0"/>
          <a:ext cx="1581224" cy="201622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1800" kern="1200" dirty="0" smtClean="0">
              <a:solidFill>
                <a:schemeClr val="bg1"/>
              </a:solidFill>
            </a:rPr>
            <a:t>Изучение </a:t>
          </a:r>
          <a:r>
            <a:rPr lang="en-US" sz="1800" kern="1200" dirty="0" smtClean="0">
              <a:solidFill>
                <a:schemeClr val="bg1"/>
              </a:solidFill>
            </a:rPr>
            <a:t>Visual Basic, </a:t>
          </a:r>
          <a:r>
            <a:rPr lang="kk-KZ" sz="1800" kern="1200" dirty="0" smtClean="0">
              <a:solidFill>
                <a:schemeClr val="bg1"/>
              </a:solidFill>
            </a:rPr>
            <a:t>аннотация переменных</a:t>
          </a:r>
          <a:endParaRPr lang="ru-RU" sz="1800" kern="1200" dirty="0">
            <a:solidFill>
              <a:schemeClr val="bg1"/>
            </a:solidFill>
          </a:endParaRPr>
        </a:p>
      </dsp:txBody>
      <dsp:txXfrm>
        <a:off x="3616" y="0"/>
        <a:ext cx="1581224" cy="2016224"/>
      </dsp:txXfrm>
    </dsp:sp>
    <dsp:sp modelId="{A18B7FD7-53D3-4745-A852-B58D6BCAE197}">
      <dsp:nvSpPr>
        <dsp:cNvPr id="0" name=""/>
        <dsp:cNvSpPr/>
      </dsp:nvSpPr>
      <dsp:spPr>
        <a:xfrm>
          <a:off x="79016" y="2246106"/>
          <a:ext cx="1430425" cy="54834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242130A-6BD9-47AA-9E98-E235ED273476}">
      <dsp:nvSpPr>
        <dsp:cNvPr id="0" name=""/>
        <dsp:cNvSpPr/>
      </dsp:nvSpPr>
      <dsp:spPr>
        <a:xfrm>
          <a:off x="1663902" y="3024336"/>
          <a:ext cx="1581224" cy="201622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1800" kern="1200" dirty="0" smtClean="0">
              <a:solidFill>
                <a:schemeClr val="bg1"/>
              </a:solidFill>
            </a:rPr>
            <a:t>Работа с файлами,выбор системы декодировки русского языка</a:t>
          </a:r>
          <a:endParaRPr lang="ru-RU" sz="1800" kern="1200" dirty="0">
            <a:solidFill>
              <a:schemeClr val="bg1"/>
            </a:solidFill>
          </a:endParaRPr>
        </a:p>
      </dsp:txBody>
      <dsp:txXfrm>
        <a:off x="1663902" y="3024336"/>
        <a:ext cx="1581224" cy="2016224"/>
      </dsp:txXfrm>
    </dsp:sp>
    <dsp:sp modelId="{98D99987-9605-4F08-9BF0-63DBBA40C4FE}">
      <dsp:nvSpPr>
        <dsp:cNvPr id="0" name=""/>
        <dsp:cNvSpPr/>
      </dsp:nvSpPr>
      <dsp:spPr>
        <a:xfrm>
          <a:off x="1791912" y="2246106"/>
          <a:ext cx="1325203" cy="54834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13862F4-B949-4B94-B9B2-9C09287E18D9}">
      <dsp:nvSpPr>
        <dsp:cNvPr id="0" name=""/>
        <dsp:cNvSpPr/>
      </dsp:nvSpPr>
      <dsp:spPr>
        <a:xfrm>
          <a:off x="3324187" y="0"/>
          <a:ext cx="1581224" cy="201622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1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1800" kern="1200" dirty="0" smtClean="0">
              <a:solidFill>
                <a:schemeClr val="bg1"/>
              </a:solidFill>
            </a:rPr>
            <a:t>ООП, строение классов, логических функций, циклов</a:t>
          </a:r>
          <a:endParaRPr lang="ru-RU" sz="1800" kern="1200" dirty="0">
            <a:solidFill>
              <a:schemeClr val="bg1"/>
            </a:solidFill>
          </a:endParaRP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kk-KZ" sz="1100" kern="1200" dirty="0" smtClean="0">
              <a:solidFill>
                <a:schemeClr val="bg1"/>
              </a:solidFill>
            </a:rPr>
            <a:t>27.06-12.07</a:t>
          </a:r>
          <a:endParaRPr lang="ru-RU" sz="1100" kern="1200" dirty="0">
            <a:solidFill>
              <a:schemeClr val="bg1"/>
            </a:solidFill>
          </a:endParaRPr>
        </a:p>
      </dsp:txBody>
      <dsp:txXfrm>
        <a:off x="3324187" y="0"/>
        <a:ext cx="1581224" cy="2016224"/>
      </dsp:txXfrm>
    </dsp:sp>
    <dsp:sp modelId="{0C33DCCB-2496-4BDD-9D1E-83E715A45DF4}">
      <dsp:nvSpPr>
        <dsp:cNvPr id="0" name=""/>
        <dsp:cNvSpPr/>
      </dsp:nvSpPr>
      <dsp:spPr>
        <a:xfrm>
          <a:off x="3444513" y="2246106"/>
          <a:ext cx="1340572" cy="54834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28CF63-873B-4271-8A86-4298CC60C09E}">
      <dsp:nvSpPr>
        <dsp:cNvPr id="0" name=""/>
        <dsp:cNvSpPr/>
      </dsp:nvSpPr>
      <dsp:spPr>
        <a:xfrm>
          <a:off x="4984473" y="3024336"/>
          <a:ext cx="1581224" cy="201622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1800" kern="1200" dirty="0" smtClean="0">
              <a:solidFill>
                <a:schemeClr val="bg1"/>
              </a:solidFill>
            </a:rPr>
            <a:t>Сравнение отладчиков и выбор, тестирование, исправление ошибок </a:t>
          </a:r>
          <a:endParaRPr lang="ru-RU" sz="1800" kern="1200" dirty="0">
            <a:solidFill>
              <a:schemeClr val="bg1"/>
            </a:solidFill>
          </a:endParaRPr>
        </a:p>
      </dsp:txBody>
      <dsp:txXfrm>
        <a:off x="4984473" y="3024336"/>
        <a:ext cx="1581224" cy="2016224"/>
      </dsp:txXfrm>
    </dsp:sp>
    <dsp:sp modelId="{F4DE030D-F87E-4C14-AFC7-911D20797785}">
      <dsp:nvSpPr>
        <dsp:cNvPr id="0" name=""/>
        <dsp:cNvSpPr/>
      </dsp:nvSpPr>
      <dsp:spPr>
        <a:xfrm>
          <a:off x="5097112" y="2246106"/>
          <a:ext cx="1355945" cy="54834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D9E5EFB-C3EC-42A4-92E9-D5AC1F4B48A8}">
      <dsp:nvSpPr>
        <dsp:cNvPr id="0" name=""/>
        <dsp:cNvSpPr/>
      </dsp:nvSpPr>
      <dsp:spPr>
        <a:xfrm>
          <a:off x="6644759" y="0"/>
          <a:ext cx="1581224" cy="201622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1800" kern="1200" dirty="0" smtClean="0">
              <a:solidFill>
                <a:schemeClr val="bg1"/>
              </a:solidFill>
            </a:rPr>
            <a:t>Описание работы, компоновка кода, сдача работы</a:t>
          </a:r>
          <a:endParaRPr lang="ru-RU" sz="1800" kern="1200" dirty="0">
            <a:solidFill>
              <a:schemeClr val="bg1"/>
            </a:solidFill>
          </a:endParaRPr>
        </a:p>
      </dsp:txBody>
      <dsp:txXfrm>
        <a:off x="6644759" y="0"/>
        <a:ext cx="1581224" cy="2016224"/>
      </dsp:txXfrm>
    </dsp:sp>
    <dsp:sp modelId="{083851AE-1DD6-454A-BB2D-8616E41B86E3}">
      <dsp:nvSpPr>
        <dsp:cNvPr id="0" name=""/>
        <dsp:cNvSpPr/>
      </dsp:nvSpPr>
      <dsp:spPr>
        <a:xfrm>
          <a:off x="6749713" y="2246106"/>
          <a:ext cx="1371314" cy="54834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10CA879-C151-4B70-B6BE-0D61CF599D8F}">
      <dsp:nvSpPr>
        <dsp:cNvPr id="0" name=""/>
        <dsp:cNvSpPr/>
      </dsp:nvSpPr>
      <dsp:spPr>
        <a:xfrm rot="16200000">
          <a:off x="44878" y="-44878"/>
          <a:ext cx="2196244" cy="2286000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Деархивирует файл по определенной системой декодировки</a:t>
          </a:r>
          <a:endParaRPr lang="ru-RU" sz="2000" kern="1200" dirty="0"/>
        </a:p>
      </dsp:txBody>
      <dsp:txXfrm rot="5400000">
        <a:off x="0" y="0"/>
        <a:ext cx="2286000" cy="1647183"/>
      </dsp:txXfrm>
    </dsp:sp>
    <dsp:sp modelId="{0F56FA62-C4A1-4AB8-996A-3C3E0CDBF5FE}">
      <dsp:nvSpPr>
        <dsp:cNvPr id="0" name=""/>
        <dsp:cNvSpPr/>
      </dsp:nvSpPr>
      <dsp:spPr>
        <a:xfrm>
          <a:off x="2286000" y="0"/>
          <a:ext cx="2286000" cy="2196244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Читает файл</a:t>
          </a:r>
          <a:endParaRPr lang="ru-RU" sz="2000" kern="1200" dirty="0"/>
        </a:p>
      </dsp:txBody>
      <dsp:txXfrm>
        <a:off x="2286000" y="0"/>
        <a:ext cx="2286000" cy="1647183"/>
      </dsp:txXfrm>
    </dsp:sp>
    <dsp:sp modelId="{D6645B6B-E0CA-42B8-917F-3D950A2EE981}">
      <dsp:nvSpPr>
        <dsp:cNvPr id="0" name=""/>
        <dsp:cNvSpPr/>
      </dsp:nvSpPr>
      <dsp:spPr>
        <a:xfrm rot="10800000">
          <a:off x="0" y="2196244"/>
          <a:ext cx="2286000" cy="2196244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Сортирует данные по ключам</a:t>
          </a:r>
          <a:endParaRPr lang="ru-RU" sz="2000" kern="1200" dirty="0"/>
        </a:p>
      </dsp:txBody>
      <dsp:txXfrm rot="10800000">
        <a:off x="0" y="2745305"/>
        <a:ext cx="2286000" cy="1647183"/>
      </dsp:txXfrm>
    </dsp:sp>
    <dsp:sp modelId="{BD0FF5D9-0397-4247-B421-C97F8E460243}">
      <dsp:nvSpPr>
        <dsp:cNvPr id="0" name=""/>
        <dsp:cNvSpPr/>
      </dsp:nvSpPr>
      <dsp:spPr>
        <a:xfrm rot="5400000">
          <a:off x="2330878" y="2151366"/>
          <a:ext cx="2196244" cy="2286000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Сохраняет результаты на тр</a:t>
          </a:r>
          <a:r>
            <a:rPr lang="ru-KZ" sz="2000" kern="1200" dirty="0" smtClean="0"/>
            <a:t>ё</a:t>
          </a:r>
          <a:r>
            <a:rPr lang="kk-KZ" sz="2000" kern="1200" dirty="0" smtClean="0"/>
            <a:t>х файлах</a:t>
          </a:r>
          <a:endParaRPr lang="ru-RU" sz="2000" kern="1200" dirty="0"/>
        </a:p>
      </dsp:txBody>
      <dsp:txXfrm rot="-5400000">
        <a:off x="2286000" y="2745304"/>
        <a:ext cx="2286000" cy="1647183"/>
      </dsp:txXfrm>
    </dsp:sp>
    <dsp:sp modelId="{E1485507-BDAD-4924-8530-437FEC313287}">
      <dsp:nvSpPr>
        <dsp:cNvPr id="0" name=""/>
        <dsp:cNvSpPr/>
      </dsp:nvSpPr>
      <dsp:spPr>
        <a:xfrm>
          <a:off x="1512163" y="1632605"/>
          <a:ext cx="1547672" cy="1127277"/>
        </a:xfrm>
        <a:prstGeom prst="roundRect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000" kern="1200" dirty="0" smtClean="0"/>
            <a:t>Программа</a:t>
          </a:r>
          <a:endParaRPr lang="ru-RU" sz="2000" kern="1200" dirty="0"/>
        </a:p>
      </dsp:txBody>
      <dsp:txXfrm>
        <a:off x="1567192" y="1687634"/>
        <a:ext cx="1437614" cy="1017219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F3634B4-828A-4AF5-87E4-9A2E910676FB}">
      <dsp:nvSpPr>
        <dsp:cNvPr id="0" name=""/>
        <dsp:cNvSpPr/>
      </dsp:nvSpPr>
      <dsp:spPr>
        <a:xfrm rot="16200000">
          <a:off x="18001" y="-18001"/>
          <a:ext cx="2196244" cy="2232248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100" kern="1200" dirty="0" smtClean="0"/>
            <a:t>Познакомилась с новыми людьми</a:t>
          </a:r>
          <a:endParaRPr lang="ru-RU" sz="2100" kern="1200" dirty="0"/>
        </a:p>
      </dsp:txBody>
      <dsp:txXfrm rot="5400000">
        <a:off x="0" y="0"/>
        <a:ext cx="2232248" cy="1647183"/>
      </dsp:txXfrm>
    </dsp:sp>
    <dsp:sp modelId="{5E6775F6-953E-433D-AEC8-BA9D4A21537D}">
      <dsp:nvSpPr>
        <dsp:cNvPr id="0" name=""/>
        <dsp:cNvSpPr/>
      </dsp:nvSpPr>
      <dsp:spPr>
        <a:xfrm>
          <a:off x="2232248" y="0"/>
          <a:ext cx="2232248" cy="2196244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100" kern="1200" dirty="0" smtClean="0"/>
            <a:t>Присутвовала дружелюбная атмосфера</a:t>
          </a:r>
          <a:endParaRPr lang="ru-RU" sz="2100" kern="1200" dirty="0"/>
        </a:p>
      </dsp:txBody>
      <dsp:txXfrm>
        <a:off x="2232248" y="0"/>
        <a:ext cx="2232248" cy="1647183"/>
      </dsp:txXfrm>
    </dsp:sp>
    <dsp:sp modelId="{DF6D7C46-30D5-4A6F-BCE9-73003095115D}">
      <dsp:nvSpPr>
        <dsp:cNvPr id="0" name=""/>
        <dsp:cNvSpPr/>
      </dsp:nvSpPr>
      <dsp:spPr>
        <a:xfrm rot="10800000">
          <a:off x="0" y="2196244"/>
          <a:ext cx="2232248" cy="2196244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100" kern="1200" dirty="0" smtClean="0"/>
            <a:t>Обсуждение задачи</a:t>
          </a:r>
          <a:endParaRPr lang="ru-RU" sz="2100" kern="1200" dirty="0"/>
        </a:p>
      </dsp:txBody>
      <dsp:txXfrm rot="10800000">
        <a:off x="0" y="2745305"/>
        <a:ext cx="2232248" cy="1647183"/>
      </dsp:txXfrm>
    </dsp:sp>
    <dsp:sp modelId="{BE5ABCC8-C7AE-4DA6-947F-5FAA6EFE6ECC}">
      <dsp:nvSpPr>
        <dsp:cNvPr id="0" name=""/>
        <dsp:cNvSpPr/>
      </dsp:nvSpPr>
      <dsp:spPr>
        <a:xfrm rot="5400000">
          <a:off x="2250250" y="2178242"/>
          <a:ext cx="2196244" cy="2232248"/>
        </a:xfrm>
        <a:prstGeom prst="round1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100" kern="1200" dirty="0" smtClean="0"/>
            <a:t>Чаепитие</a:t>
          </a:r>
          <a:endParaRPr lang="ru-RU" sz="2100" kern="1200" dirty="0"/>
        </a:p>
      </dsp:txBody>
      <dsp:txXfrm rot="-5400000">
        <a:off x="2232248" y="2745304"/>
        <a:ext cx="2232248" cy="1647183"/>
      </dsp:txXfrm>
    </dsp:sp>
    <dsp:sp modelId="{92D4B1B4-1956-41F2-B77F-F94D7B3FC170}">
      <dsp:nvSpPr>
        <dsp:cNvPr id="0" name=""/>
        <dsp:cNvSpPr/>
      </dsp:nvSpPr>
      <dsp:spPr>
        <a:xfrm>
          <a:off x="1511269" y="1693935"/>
          <a:ext cx="1441956" cy="1004616"/>
        </a:xfrm>
        <a:prstGeom prst="roundRect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kk-KZ" sz="2100" kern="1200" dirty="0" smtClean="0"/>
            <a:t>Общение</a:t>
          </a:r>
          <a:endParaRPr lang="ru-RU" sz="2100" kern="1200" dirty="0"/>
        </a:p>
      </dsp:txBody>
      <dsp:txXfrm>
        <a:off x="1560310" y="1742976"/>
        <a:ext cx="1343874" cy="90653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88443A-26FD-4430-AE7F-3520233FAA14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9B64A13-2018-491B-AEA3-F7FC5CB81AB0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99476159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9B64A13-2018-491B-AEA3-F7FC5CB81AB0}" type="slidenum">
              <a:rPr lang="ru-RU" smtClean="0"/>
              <a:t>3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75417586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Содержимое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Содержимое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Содержимое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Содержимое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Содержимое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Содержимое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54BD04-8258-42CD-9EDB-615227048B9A}" type="datetimeFigureOut">
              <a:rPr lang="ru-RU" smtClean="0"/>
              <a:t>12.09.2019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28921D-B76B-453A-840D-B9FB1A1E68B8}" type="slidenum">
              <a:rPr lang="ru-RU" smtClean="0"/>
              <a:t>‹#›</a:t>
            </a:fld>
            <a:endParaRPr lang="ru-RU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3.png"/><Relationship Id="rId7" Type="http://schemas.openxmlformats.org/officeDocument/2006/relationships/diagramColors" Target="../diagrams/colors1.xml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6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3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4.xml"/><Relationship Id="rId3" Type="http://schemas.openxmlformats.org/officeDocument/2006/relationships/diagramLayout" Target="../diagrams/layout3.xml"/><Relationship Id="rId7" Type="http://schemas.openxmlformats.org/officeDocument/2006/relationships/diagramData" Target="../diagrams/data4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3.xml"/><Relationship Id="rId11" Type="http://schemas.microsoft.com/office/2007/relationships/diagramDrawing" Target="../diagrams/drawing4.xml"/><Relationship Id="rId5" Type="http://schemas.openxmlformats.org/officeDocument/2006/relationships/diagramColors" Target="../diagrams/colors3.xml"/><Relationship Id="rId10" Type="http://schemas.openxmlformats.org/officeDocument/2006/relationships/diagramColors" Target="../diagrams/colors4.xml"/><Relationship Id="rId4" Type="http://schemas.openxmlformats.org/officeDocument/2006/relationships/diagramQuickStyle" Target="../diagrams/quickStyle3.xml"/><Relationship Id="rId9" Type="http://schemas.openxmlformats.org/officeDocument/2006/relationships/diagramQuickStyle" Target="../diagrams/quickStyle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843808" y="836712"/>
            <a:ext cx="7772400" cy="1470025"/>
          </a:xfrm>
        </p:spPr>
        <p:txBody>
          <a:bodyPr>
            <a:normAutofit/>
          </a:bodyPr>
          <a:lstStyle/>
          <a:p>
            <a:r>
              <a:rPr lang="kk-KZ" sz="3200" dirty="0" smtClean="0">
                <a:solidFill>
                  <a:schemeClr val="bg1"/>
                </a:solidFill>
                <a:latin typeface="Futura Md BT" pitchFamily="34" charset="0"/>
              </a:rPr>
              <a:t>Цифровое лето-2019</a:t>
            </a:r>
            <a:endParaRPr lang="ru-RU" sz="3200" dirty="0">
              <a:solidFill>
                <a:schemeClr val="bg1"/>
              </a:solidFill>
            </a:endParaRPr>
          </a:p>
        </p:txBody>
      </p:sp>
      <p:pic>
        <p:nvPicPr>
          <p:cNvPr id="1026" name="Picture 2" descr="ÐÐ°ÑÑÐ¸Ð½ÐºÐ¸ Ð¿Ð¾ Ð·Ð°Ð¿ÑÐ¾ÑÑ ÐºÑÐµÐ»Ð» Ð»Ð¾Ð³Ð¾ ÑÑÐ°Ð½ÑÐ¿Ð°ÑÐµÐ½Ñ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8344" y="13855"/>
            <a:ext cx="1331640" cy="479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6660232" y="5877272"/>
            <a:ext cx="31683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dirty="0" smtClean="0">
                <a:solidFill>
                  <a:schemeClr val="bg1"/>
                </a:solidFill>
              </a:rPr>
              <a:t>Каратай Асия</a:t>
            </a:r>
          </a:p>
          <a:p>
            <a:r>
              <a:rPr lang="kk-KZ" dirty="0" smtClean="0">
                <a:solidFill>
                  <a:schemeClr val="bg1"/>
                </a:solidFill>
              </a:rPr>
              <a:t>12.09.2019</a:t>
            </a:r>
            <a:endParaRPr lang="ru-RU" dirty="0">
              <a:solidFill>
                <a:schemeClr val="bg1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979712" y="0"/>
            <a:ext cx="4320480" cy="936104"/>
          </a:xfrm>
        </p:spPr>
        <p:txBody>
          <a:bodyPr>
            <a:normAutofit/>
          </a:bodyPr>
          <a:lstStyle/>
          <a:p>
            <a:r>
              <a:rPr lang="kk-KZ" sz="3200" dirty="0" smtClean="0">
                <a:solidFill>
                  <a:schemeClr val="bg1"/>
                </a:solidFill>
                <a:latin typeface="Futura Md BT" pitchFamily="34" charset="0"/>
              </a:rPr>
              <a:t>Цифровое лето-2019</a:t>
            </a:r>
            <a:endParaRPr lang="ru-RU" sz="3200" dirty="0">
              <a:solidFill>
                <a:schemeClr val="bg1"/>
              </a:solidFill>
            </a:endParaRPr>
          </a:p>
        </p:txBody>
      </p:sp>
      <p:pic>
        <p:nvPicPr>
          <p:cNvPr id="3" name="Picture 2" descr="ÐÐ°ÑÑÐ¸Ð½ÐºÐ¸ Ð¿Ð¾ Ð·Ð°Ð¿ÑÐ¾ÑÑ ÐºÑÐµÐ»Ð» Ð»Ð¾Ð³Ð¾ ÑÑÐ°Ð½ÑÐ¿Ð°ÑÐµÐ½Ñ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8344" y="0"/>
            <a:ext cx="1331640" cy="479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32" name="Схема 31"/>
          <p:cNvGraphicFramePr/>
          <p:nvPr>
            <p:extLst>
              <p:ext uri="{D42A27DB-BD31-4B8C-83A1-F6EECF244321}">
                <p14:modId xmlns:p14="http://schemas.microsoft.com/office/powerpoint/2010/main" val="4047548979"/>
              </p:ext>
            </p:extLst>
          </p:nvPr>
        </p:nvGraphicFramePr>
        <p:xfrm>
          <a:off x="1979712" y="936104"/>
          <a:ext cx="7272808" cy="592189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"/>
          <p:cNvSpPr/>
          <p:nvPr>
            <p:custDataLst>
              <p:tags r:id="rId1"/>
            </p:custDataLst>
          </p:nvPr>
        </p:nvSpPr>
        <p:spPr>
          <a:xfrm>
            <a:off x="925350" y="3192406"/>
            <a:ext cx="7955280" cy="444498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TextBox 9"/>
          <p:cNvSpPr txBox="1"/>
          <p:nvPr>
            <p:custDataLst>
              <p:tags r:id="rId2"/>
            </p:custDataLst>
          </p:nvPr>
        </p:nvSpPr>
        <p:spPr>
          <a:xfrm>
            <a:off x="-18434" y="3238657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01</a:t>
            </a:r>
            <a:r>
              <a:rPr lang="kk-KZ" sz="27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9</a:t>
            </a:r>
            <a:endParaRPr lang="en-US" sz="27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TextBox 10"/>
          <p:cNvSpPr txBox="1"/>
          <p:nvPr>
            <p:custDataLst>
              <p:tags r:id="rId3"/>
            </p:custDataLst>
          </p:nvPr>
        </p:nvSpPr>
        <p:spPr>
          <a:xfrm>
            <a:off x="925349" y="3192406"/>
            <a:ext cx="1240917" cy="453382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kk-KZ" sz="2000" dirty="0" smtClean="0">
                <a:solidFill>
                  <a:schemeClr val="bg1"/>
                </a:solidFill>
                <a:latin typeface="Calibri" panose="020F0502020204030204" pitchFamily="34" charset="0"/>
              </a:rPr>
              <a:t>Июнь</a:t>
            </a:r>
            <a:endParaRPr lang="en-US" sz="20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Straight Connector 7"/>
          <p:cNvCxnSpPr/>
          <p:nvPr>
            <p:custDataLst>
              <p:tags r:id="rId4"/>
            </p:custDataLst>
          </p:nvPr>
        </p:nvCxnSpPr>
        <p:spPr>
          <a:xfrm>
            <a:off x="1891061" y="3362427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/>
          <p:cNvSpPr txBox="1"/>
          <p:nvPr>
            <p:custDataLst>
              <p:tags r:id="rId5"/>
            </p:custDataLst>
          </p:nvPr>
        </p:nvSpPr>
        <p:spPr>
          <a:xfrm>
            <a:off x="1965152" y="3170391"/>
            <a:ext cx="142139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kk-KZ" sz="2000" dirty="0" smtClean="0">
                <a:solidFill>
                  <a:schemeClr val="bg1"/>
                </a:solidFill>
                <a:latin typeface="Calibri" panose="020F0502020204030204" pitchFamily="34" charset="0"/>
              </a:rPr>
              <a:t>Июль</a:t>
            </a:r>
            <a:endParaRPr lang="en-US" sz="20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0"/>
          <p:cNvCxnSpPr/>
          <p:nvPr>
            <p:custDataLst>
              <p:tags r:id="rId6"/>
            </p:custDataLst>
          </p:nvPr>
        </p:nvCxnSpPr>
        <p:spPr>
          <a:xfrm>
            <a:off x="2724295" y="3380357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7"/>
            </p:custDataLst>
          </p:nvPr>
        </p:nvSpPr>
        <p:spPr>
          <a:xfrm>
            <a:off x="3753783" y="3205413"/>
            <a:ext cx="3119913" cy="44449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kk-KZ" sz="2000" dirty="0" smtClean="0">
                <a:solidFill>
                  <a:schemeClr val="bg1"/>
                </a:solidFill>
                <a:latin typeface="Calibri" panose="020F0502020204030204" pitchFamily="34" charset="0"/>
              </a:rPr>
              <a:t>Август</a:t>
            </a:r>
            <a:endParaRPr lang="en-US" sz="24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TextBox 24"/>
          <p:cNvSpPr txBox="1"/>
          <p:nvPr>
            <p:custDataLst>
              <p:tags r:id="rId8"/>
            </p:custDataLst>
          </p:nvPr>
        </p:nvSpPr>
        <p:spPr>
          <a:xfrm>
            <a:off x="5472981" y="3162630"/>
            <a:ext cx="32543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kk-KZ" sz="2000" dirty="0" smtClean="0">
                <a:solidFill>
                  <a:schemeClr val="bg1"/>
                </a:solidFill>
                <a:latin typeface="Calibri" panose="020F0502020204030204" pitchFamily="34" charset="0"/>
              </a:rPr>
              <a:t>Сентябрь</a:t>
            </a:r>
            <a:endParaRPr lang="en-US" sz="20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Rectangle 3814"/>
          <p:cNvSpPr/>
          <p:nvPr>
            <p:custDataLst>
              <p:tags r:id="rId9"/>
            </p:custDataLst>
          </p:nvPr>
        </p:nvSpPr>
        <p:spPr>
          <a:xfrm>
            <a:off x="925350" y="3636905"/>
            <a:ext cx="7955280" cy="54617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Isosceles Triangle 3816"/>
          <p:cNvSpPr/>
          <p:nvPr>
            <p:custDataLst>
              <p:tags r:id="rId10"/>
            </p:custDataLst>
          </p:nvPr>
        </p:nvSpPr>
        <p:spPr>
          <a:xfrm>
            <a:off x="8277085" y="3636906"/>
            <a:ext cx="146345" cy="149329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TextBox 33"/>
          <p:cNvSpPr txBox="1"/>
          <p:nvPr>
            <p:custDataLst>
              <p:tags r:id="rId11"/>
            </p:custDataLst>
          </p:nvPr>
        </p:nvSpPr>
        <p:spPr>
          <a:xfrm>
            <a:off x="8090619" y="3755247"/>
            <a:ext cx="879664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kk-KZ" sz="2000" dirty="0" smtClean="0">
                <a:solidFill>
                  <a:schemeClr val="bg1"/>
                </a:solidFill>
                <a:latin typeface="Calibri" panose="020F0502020204030204" pitchFamily="34" charset="0"/>
              </a:rPr>
              <a:t>Сегодня</a:t>
            </a:r>
            <a:endParaRPr lang="en-US" sz="20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5-Point Star 3819"/>
          <p:cNvSpPr/>
          <p:nvPr>
            <p:custDataLst>
              <p:tags r:id="rId12"/>
            </p:custDataLst>
          </p:nvPr>
        </p:nvSpPr>
        <p:spPr>
          <a:xfrm>
            <a:off x="7519251" y="2944756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TextBox 35"/>
          <p:cNvSpPr txBox="1"/>
          <p:nvPr>
            <p:custDataLst>
              <p:tags r:id="rId13"/>
            </p:custDataLst>
          </p:nvPr>
        </p:nvSpPr>
        <p:spPr>
          <a:xfrm>
            <a:off x="7100151" y="2210439"/>
            <a:ext cx="114300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kk-KZ" dirty="0" smtClean="0">
                <a:solidFill>
                  <a:schemeClr val="bg1"/>
                </a:solidFill>
                <a:latin typeface="Calibri" panose="020F0502020204030204" pitchFamily="34" charset="0"/>
              </a:rPr>
              <a:t>Конец проекта</a:t>
            </a:r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TextBox 36"/>
          <p:cNvSpPr txBox="1"/>
          <p:nvPr>
            <p:custDataLst>
              <p:tags r:id="rId14"/>
            </p:custDataLst>
          </p:nvPr>
        </p:nvSpPr>
        <p:spPr>
          <a:xfrm>
            <a:off x="7288533" y="2684552"/>
            <a:ext cx="1120115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kk-KZ" sz="1600" dirty="0" smtClean="0">
                <a:solidFill>
                  <a:schemeClr val="bg1"/>
                </a:solidFill>
                <a:latin typeface="Calibri" panose="020F0502020204030204" pitchFamily="34" charset="0"/>
              </a:rPr>
              <a:t>6 сентября</a:t>
            </a:r>
            <a:endParaRPr lang="en-US" sz="16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Isosceles Triangle 3827"/>
          <p:cNvSpPr/>
          <p:nvPr>
            <p:custDataLst>
              <p:tags r:id="rId15"/>
            </p:custDataLst>
          </p:nvPr>
        </p:nvSpPr>
        <p:spPr>
          <a:xfrm rot="10800000">
            <a:off x="5756704" y="2944756"/>
            <a:ext cx="304800" cy="3302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TextBox 38"/>
          <p:cNvSpPr txBox="1"/>
          <p:nvPr>
            <p:custDataLst>
              <p:tags r:id="rId16"/>
            </p:custDataLst>
          </p:nvPr>
        </p:nvSpPr>
        <p:spPr>
          <a:xfrm>
            <a:off x="5147104" y="2210439"/>
            <a:ext cx="152400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kk-KZ" dirty="0" smtClean="0">
                <a:solidFill>
                  <a:schemeClr val="bg1"/>
                </a:solidFill>
                <a:latin typeface="Calibri" panose="020F0502020204030204" pitchFamily="34" charset="0"/>
              </a:rPr>
              <a:t>Начало Хакатона</a:t>
            </a:r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TextBox 39"/>
          <p:cNvSpPr txBox="1"/>
          <p:nvPr>
            <p:custDataLst>
              <p:tags r:id="rId17"/>
            </p:custDataLst>
          </p:nvPr>
        </p:nvSpPr>
        <p:spPr>
          <a:xfrm>
            <a:off x="5582893" y="2684552"/>
            <a:ext cx="1120115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kk-KZ" sz="1600" dirty="0" smtClean="0">
                <a:solidFill>
                  <a:schemeClr val="bg1"/>
                </a:solidFill>
                <a:latin typeface="Calibri" panose="020F0502020204030204" pitchFamily="34" charset="0"/>
              </a:rPr>
              <a:t>2 сентября</a:t>
            </a:r>
            <a:endParaRPr lang="en-US" sz="16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Isosceles Triangle 3835"/>
          <p:cNvSpPr/>
          <p:nvPr>
            <p:custDataLst>
              <p:tags r:id="rId18"/>
            </p:custDataLst>
          </p:nvPr>
        </p:nvSpPr>
        <p:spPr>
          <a:xfrm rot="10800000">
            <a:off x="4399340" y="2944756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TextBox 41"/>
          <p:cNvSpPr txBox="1"/>
          <p:nvPr>
            <p:custDataLst>
              <p:tags r:id="rId19"/>
            </p:custDataLst>
          </p:nvPr>
        </p:nvSpPr>
        <p:spPr>
          <a:xfrm>
            <a:off x="3789740" y="1988840"/>
            <a:ext cx="1524000" cy="670312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kk-KZ" dirty="0" smtClean="0">
                <a:solidFill>
                  <a:schemeClr val="bg1"/>
                </a:solidFill>
                <a:latin typeface="Calibri" panose="020F0502020204030204" pitchFamily="34" charset="0"/>
              </a:rPr>
              <a:t>Прогноз оттока клиентов</a:t>
            </a:r>
          </a:p>
        </p:txBody>
      </p:sp>
      <p:sp>
        <p:nvSpPr>
          <p:cNvPr id="43" name="TextBox 42"/>
          <p:cNvSpPr txBox="1"/>
          <p:nvPr>
            <p:custDataLst>
              <p:tags r:id="rId20"/>
            </p:custDataLst>
          </p:nvPr>
        </p:nvSpPr>
        <p:spPr>
          <a:xfrm>
            <a:off x="4189461" y="2684552"/>
            <a:ext cx="101066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kk-KZ" sz="1600" dirty="0" smtClean="0">
                <a:solidFill>
                  <a:schemeClr val="bg1"/>
                </a:solidFill>
                <a:latin typeface="Calibri" panose="020F0502020204030204" pitchFamily="34" charset="0"/>
              </a:rPr>
              <a:t>22августа</a:t>
            </a:r>
            <a:endParaRPr lang="en-US" sz="16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Isosceles Triangle 12773"/>
          <p:cNvSpPr/>
          <p:nvPr>
            <p:custDataLst>
              <p:tags r:id="rId21"/>
            </p:custDataLst>
          </p:nvPr>
        </p:nvSpPr>
        <p:spPr>
          <a:xfrm rot="10800000">
            <a:off x="2859644" y="2944756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TextBox 44"/>
          <p:cNvSpPr txBox="1"/>
          <p:nvPr>
            <p:custDataLst>
              <p:tags r:id="rId22"/>
            </p:custDataLst>
          </p:nvPr>
        </p:nvSpPr>
        <p:spPr>
          <a:xfrm>
            <a:off x="2250044" y="1988840"/>
            <a:ext cx="1524000" cy="670312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kk-KZ" dirty="0" smtClean="0">
                <a:solidFill>
                  <a:schemeClr val="bg1"/>
                </a:solidFill>
                <a:latin typeface="Calibri" panose="020F0502020204030204" pitchFamily="34" charset="0"/>
              </a:rPr>
              <a:t>Извлечение счетов-фактур</a:t>
            </a:r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TextBox 45"/>
          <p:cNvSpPr txBox="1"/>
          <p:nvPr>
            <p:custDataLst>
              <p:tags r:id="rId23"/>
            </p:custDataLst>
          </p:nvPr>
        </p:nvSpPr>
        <p:spPr>
          <a:xfrm>
            <a:off x="2648963" y="2684552"/>
            <a:ext cx="105714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kk-KZ" sz="1600" dirty="0" smtClean="0">
                <a:solidFill>
                  <a:schemeClr val="bg1"/>
                </a:solidFill>
                <a:latin typeface="Calibri" panose="020F0502020204030204" pitchFamily="34" charset="0"/>
              </a:rPr>
              <a:t>14 августа</a:t>
            </a:r>
            <a:endParaRPr lang="en-US" sz="16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Isosceles Triangle 12787"/>
          <p:cNvSpPr/>
          <p:nvPr>
            <p:custDataLst>
              <p:tags r:id="rId24"/>
            </p:custDataLst>
          </p:nvPr>
        </p:nvSpPr>
        <p:spPr>
          <a:xfrm rot="10800000">
            <a:off x="955283" y="2944756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TextBox 47"/>
          <p:cNvSpPr txBox="1"/>
          <p:nvPr>
            <p:custDataLst>
              <p:tags r:id="rId25"/>
            </p:custDataLst>
          </p:nvPr>
        </p:nvSpPr>
        <p:spPr>
          <a:xfrm>
            <a:off x="536183" y="2210439"/>
            <a:ext cx="114300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kk-KZ" dirty="0" smtClean="0">
                <a:solidFill>
                  <a:schemeClr val="bg1"/>
                </a:solidFill>
                <a:latin typeface="Calibri" panose="020F0502020204030204" pitchFamily="34" charset="0"/>
              </a:rPr>
              <a:t>Начало проекта</a:t>
            </a:r>
            <a:endParaRPr lang="en-US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TextBox 48"/>
          <p:cNvSpPr txBox="1"/>
          <p:nvPr>
            <p:custDataLst>
              <p:tags r:id="rId26"/>
            </p:custDataLst>
          </p:nvPr>
        </p:nvSpPr>
        <p:spPr>
          <a:xfrm>
            <a:off x="755022" y="2684552"/>
            <a:ext cx="899285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kk-KZ" sz="1600" dirty="0" smtClean="0">
                <a:solidFill>
                  <a:schemeClr val="bg1"/>
                </a:solidFill>
                <a:latin typeface="Calibri" panose="020F0502020204030204" pitchFamily="34" charset="0"/>
              </a:rPr>
              <a:t>17 июня</a:t>
            </a:r>
            <a:endParaRPr lang="en-US" sz="16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92" name="Picture 2" descr="ÐÐ°ÑÑÐ¸Ð½ÐºÐ¸ Ð¿Ð¾ Ð·Ð°Ð¿ÑÐ¾ÑÑ ÐºÑÐµÐ»Ð» Ð»Ð¾Ð³Ð¾ ÑÑÐ°Ð½ÑÐ¿Ð°ÑÐµÐ½Ñ"/>
          <p:cNvPicPr>
            <a:picLocks noChangeAspect="1" noChangeArrowheads="1"/>
          </p:cNvPicPr>
          <p:nvPr/>
        </p:nvPicPr>
        <p:blipFill>
          <a:blip r:embed="rId3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8344" y="0"/>
            <a:ext cx="1331640" cy="479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" name="TextBox 92"/>
          <p:cNvSpPr txBox="1"/>
          <p:nvPr/>
        </p:nvSpPr>
        <p:spPr>
          <a:xfrm>
            <a:off x="1891061" y="1124743"/>
            <a:ext cx="52090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kk-KZ" sz="2800" dirty="0" smtClean="0">
                <a:solidFill>
                  <a:schemeClr val="bg1"/>
                </a:solidFill>
              </a:rPr>
              <a:t>Временная диаграмма</a:t>
            </a:r>
            <a:endParaRPr lang="ru-RU" sz="2800" dirty="0">
              <a:solidFill>
                <a:schemeClr val="bg1"/>
              </a:solidFill>
            </a:endParaRPr>
          </a:p>
        </p:txBody>
      </p:sp>
      <p:cxnSp>
        <p:nvCxnSpPr>
          <p:cNvPr id="94" name="Straight Connector 10"/>
          <p:cNvCxnSpPr/>
          <p:nvPr>
            <p:custDataLst>
              <p:tags r:id="rId27"/>
            </p:custDataLst>
          </p:nvPr>
        </p:nvCxnSpPr>
        <p:spPr>
          <a:xfrm>
            <a:off x="5313739" y="3322791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6" name="Google Shape;518;p39"/>
          <p:cNvGrpSpPr/>
          <p:nvPr/>
        </p:nvGrpSpPr>
        <p:grpSpPr>
          <a:xfrm>
            <a:off x="2991698" y="4383164"/>
            <a:ext cx="983079" cy="1564615"/>
            <a:chOff x="715963" y="3538538"/>
            <a:chExt cx="1551087" cy="2468625"/>
          </a:xfrm>
        </p:grpSpPr>
        <p:sp>
          <p:nvSpPr>
            <p:cNvPr id="97" name="Google Shape;519;p39"/>
            <p:cNvSpPr/>
            <p:nvPr/>
          </p:nvSpPr>
          <p:spPr>
            <a:xfrm>
              <a:off x="785813" y="4429125"/>
              <a:ext cx="15900" cy="333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40000" y="0"/>
                  </a:moveTo>
                  <a:cubicBezTo>
                    <a:pt x="40000" y="0"/>
                    <a:pt x="0" y="20000"/>
                    <a:pt x="0" y="20000"/>
                  </a:cubicBezTo>
                  <a:cubicBezTo>
                    <a:pt x="0" y="100000"/>
                    <a:pt x="0" y="100000"/>
                    <a:pt x="0" y="100000"/>
                  </a:cubicBezTo>
                  <a:cubicBezTo>
                    <a:pt x="0" y="100000"/>
                    <a:pt x="40000" y="120000"/>
                    <a:pt x="40000" y="120000"/>
                  </a:cubicBezTo>
                  <a:cubicBezTo>
                    <a:pt x="80000" y="120000"/>
                    <a:pt x="120000" y="100000"/>
                    <a:pt x="120000" y="100000"/>
                  </a:cubicBezTo>
                  <a:cubicBezTo>
                    <a:pt x="120000" y="20000"/>
                    <a:pt x="120000" y="20000"/>
                    <a:pt x="120000" y="20000"/>
                  </a:cubicBezTo>
                  <a:cubicBezTo>
                    <a:pt x="120000" y="20000"/>
                    <a:pt x="80000" y="0"/>
                    <a:pt x="40000" y="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98" name="Google Shape;520;p39"/>
            <p:cNvSpPr/>
            <p:nvPr/>
          </p:nvSpPr>
          <p:spPr>
            <a:xfrm>
              <a:off x="817563" y="4429125"/>
              <a:ext cx="15900" cy="333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0000" y="0"/>
                  </a:moveTo>
                  <a:cubicBezTo>
                    <a:pt x="40000" y="0"/>
                    <a:pt x="0" y="20000"/>
                    <a:pt x="0" y="20000"/>
                  </a:cubicBezTo>
                  <a:cubicBezTo>
                    <a:pt x="0" y="100000"/>
                    <a:pt x="0" y="100000"/>
                    <a:pt x="0" y="100000"/>
                  </a:cubicBezTo>
                  <a:cubicBezTo>
                    <a:pt x="0" y="100000"/>
                    <a:pt x="40000" y="120000"/>
                    <a:pt x="80000" y="120000"/>
                  </a:cubicBezTo>
                  <a:cubicBezTo>
                    <a:pt x="120000" y="120000"/>
                    <a:pt x="120000" y="100000"/>
                    <a:pt x="120000" y="100000"/>
                  </a:cubicBezTo>
                  <a:cubicBezTo>
                    <a:pt x="120000" y="20000"/>
                    <a:pt x="120000" y="20000"/>
                    <a:pt x="120000" y="20000"/>
                  </a:cubicBezTo>
                  <a:cubicBezTo>
                    <a:pt x="120000" y="20000"/>
                    <a:pt x="120000" y="0"/>
                    <a:pt x="80000" y="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99" name="Google Shape;521;p39"/>
            <p:cNvSpPr/>
            <p:nvPr/>
          </p:nvSpPr>
          <p:spPr>
            <a:xfrm>
              <a:off x="715963" y="4392613"/>
              <a:ext cx="187200" cy="401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3142" y="24000"/>
                  </a:moveTo>
                  <a:cubicBezTo>
                    <a:pt x="99428" y="24000"/>
                    <a:pt x="99428" y="24000"/>
                    <a:pt x="99428" y="24000"/>
                  </a:cubicBezTo>
                  <a:cubicBezTo>
                    <a:pt x="99428" y="3200"/>
                    <a:pt x="99428" y="3200"/>
                    <a:pt x="99428" y="3200"/>
                  </a:cubicBezTo>
                  <a:cubicBezTo>
                    <a:pt x="99428" y="1600"/>
                    <a:pt x="96000" y="0"/>
                    <a:pt x="92571" y="0"/>
                  </a:cubicBezTo>
                  <a:cubicBezTo>
                    <a:pt x="27428" y="0"/>
                    <a:pt x="27428" y="0"/>
                    <a:pt x="27428" y="0"/>
                  </a:cubicBezTo>
                  <a:cubicBezTo>
                    <a:pt x="24000" y="0"/>
                    <a:pt x="20571" y="1600"/>
                    <a:pt x="20571" y="3200"/>
                  </a:cubicBezTo>
                  <a:cubicBezTo>
                    <a:pt x="20571" y="24000"/>
                    <a:pt x="20571" y="24000"/>
                    <a:pt x="20571" y="24000"/>
                  </a:cubicBezTo>
                  <a:cubicBezTo>
                    <a:pt x="6857" y="24000"/>
                    <a:pt x="6857" y="24000"/>
                    <a:pt x="6857" y="24000"/>
                  </a:cubicBezTo>
                  <a:cubicBezTo>
                    <a:pt x="3428" y="24000"/>
                    <a:pt x="0" y="25600"/>
                    <a:pt x="0" y="28800"/>
                  </a:cubicBezTo>
                  <a:cubicBezTo>
                    <a:pt x="0" y="97600"/>
                    <a:pt x="0" y="97600"/>
                    <a:pt x="0" y="97600"/>
                  </a:cubicBezTo>
                  <a:cubicBezTo>
                    <a:pt x="0" y="110400"/>
                    <a:pt x="20571" y="120000"/>
                    <a:pt x="48000" y="120000"/>
                  </a:cubicBezTo>
                  <a:cubicBezTo>
                    <a:pt x="72000" y="120000"/>
                    <a:pt x="72000" y="120000"/>
                    <a:pt x="72000" y="120000"/>
                  </a:cubicBezTo>
                  <a:cubicBezTo>
                    <a:pt x="99428" y="120000"/>
                    <a:pt x="120000" y="110400"/>
                    <a:pt x="120000" y="97600"/>
                  </a:cubicBezTo>
                  <a:cubicBezTo>
                    <a:pt x="120000" y="28800"/>
                    <a:pt x="120000" y="28800"/>
                    <a:pt x="120000" y="28800"/>
                  </a:cubicBezTo>
                  <a:cubicBezTo>
                    <a:pt x="120000" y="25600"/>
                    <a:pt x="116571" y="24000"/>
                    <a:pt x="113142" y="24000"/>
                  </a:cubicBezTo>
                  <a:close/>
                  <a:moveTo>
                    <a:pt x="37714" y="8000"/>
                  </a:moveTo>
                  <a:cubicBezTo>
                    <a:pt x="82285" y="8000"/>
                    <a:pt x="82285" y="8000"/>
                    <a:pt x="82285" y="8000"/>
                  </a:cubicBezTo>
                  <a:cubicBezTo>
                    <a:pt x="82285" y="24000"/>
                    <a:pt x="82285" y="24000"/>
                    <a:pt x="82285" y="24000"/>
                  </a:cubicBezTo>
                  <a:cubicBezTo>
                    <a:pt x="37714" y="24000"/>
                    <a:pt x="37714" y="24000"/>
                    <a:pt x="37714" y="24000"/>
                  </a:cubicBezTo>
                  <a:lnTo>
                    <a:pt x="37714" y="8000"/>
                  </a:lnTo>
                  <a:close/>
                  <a:moveTo>
                    <a:pt x="72000" y="113600"/>
                  </a:moveTo>
                  <a:cubicBezTo>
                    <a:pt x="48000" y="113600"/>
                    <a:pt x="48000" y="113600"/>
                    <a:pt x="48000" y="113600"/>
                  </a:cubicBezTo>
                  <a:cubicBezTo>
                    <a:pt x="30857" y="113600"/>
                    <a:pt x="17142" y="105600"/>
                    <a:pt x="17142" y="97600"/>
                  </a:cubicBezTo>
                  <a:cubicBezTo>
                    <a:pt x="17142" y="32000"/>
                    <a:pt x="17142" y="32000"/>
                    <a:pt x="17142" y="32000"/>
                  </a:cubicBezTo>
                  <a:cubicBezTo>
                    <a:pt x="27428" y="32000"/>
                    <a:pt x="27428" y="32000"/>
                    <a:pt x="27428" y="32000"/>
                  </a:cubicBezTo>
                  <a:cubicBezTo>
                    <a:pt x="92571" y="32000"/>
                    <a:pt x="92571" y="32000"/>
                    <a:pt x="92571" y="32000"/>
                  </a:cubicBezTo>
                  <a:cubicBezTo>
                    <a:pt x="102857" y="32000"/>
                    <a:pt x="102857" y="32000"/>
                    <a:pt x="102857" y="32000"/>
                  </a:cubicBezTo>
                  <a:cubicBezTo>
                    <a:pt x="102857" y="97600"/>
                    <a:pt x="102857" y="97600"/>
                    <a:pt x="102857" y="97600"/>
                  </a:cubicBezTo>
                  <a:cubicBezTo>
                    <a:pt x="102857" y="105600"/>
                    <a:pt x="89142" y="113600"/>
                    <a:pt x="72000" y="1136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0" name="Google Shape;522;p39"/>
            <p:cNvSpPr/>
            <p:nvPr/>
          </p:nvSpPr>
          <p:spPr>
            <a:xfrm>
              <a:off x="758825" y="4521200"/>
              <a:ext cx="1017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07368" y="0"/>
                  </a:moveTo>
                  <a:cubicBezTo>
                    <a:pt x="12631" y="0"/>
                    <a:pt x="12631" y="0"/>
                    <a:pt x="12631" y="0"/>
                  </a:cubicBezTo>
                  <a:cubicBezTo>
                    <a:pt x="6315" y="0"/>
                    <a:pt x="0" y="24000"/>
                    <a:pt x="0" y="72000"/>
                  </a:cubicBezTo>
                  <a:cubicBezTo>
                    <a:pt x="0" y="96000"/>
                    <a:pt x="6315" y="120000"/>
                    <a:pt x="12631" y="120000"/>
                  </a:cubicBezTo>
                  <a:cubicBezTo>
                    <a:pt x="107368" y="120000"/>
                    <a:pt x="107368" y="120000"/>
                    <a:pt x="107368" y="120000"/>
                  </a:cubicBezTo>
                  <a:cubicBezTo>
                    <a:pt x="113684" y="120000"/>
                    <a:pt x="120000" y="96000"/>
                    <a:pt x="120000" y="72000"/>
                  </a:cubicBezTo>
                  <a:cubicBezTo>
                    <a:pt x="120000" y="24000"/>
                    <a:pt x="113684" y="0"/>
                    <a:pt x="107368" y="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1" name="Google Shape;523;p39"/>
            <p:cNvSpPr/>
            <p:nvPr/>
          </p:nvSpPr>
          <p:spPr>
            <a:xfrm>
              <a:off x="1293813" y="4230688"/>
              <a:ext cx="523800" cy="3714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2448" y="120000"/>
                  </a:moveTo>
                  <a:cubicBezTo>
                    <a:pt x="105306" y="120000"/>
                    <a:pt x="105306" y="120000"/>
                    <a:pt x="105306" y="120000"/>
                  </a:cubicBezTo>
                  <a:cubicBezTo>
                    <a:pt x="105306" y="116521"/>
                    <a:pt x="106530" y="113043"/>
                    <a:pt x="107755" y="111304"/>
                  </a:cubicBezTo>
                  <a:cubicBezTo>
                    <a:pt x="105306" y="111304"/>
                    <a:pt x="105306" y="111304"/>
                    <a:pt x="105306" y="111304"/>
                  </a:cubicBezTo>
                  <a:cubicBezTo>
                    <a:pt x="105306" y="8695"/>
                    <a:pt x="105306" y="8695"/>
                    <a:pt x="105306" y="8695"/>
                  </a:cubicBezTo>
                  <a:cubicBezTo>
                    <a:pt x="115102" y="8695"/>
                    <a:pt x="115102" y="8695"/>
                    <a:pt x="115102" y="8695"/>
                  </a:cubicBezTo>
                  <a:cubicBezTo>
                    <a:pt x="115102" y="102608"/>
                    <a:pt x="115102" y="102608"/>
                    <a:pt x="115102" y="102608"/>
                  </a:cubicBezTo>
                  <a:cubicBezTo>
                    <a:pt x="116326" y="102608"/>
                    <a:pt x="118775" y="100869"/>
                    <a:pt x="119999" y="100869"/>
                  </a:cubicBezTo>
                  <a:cubicBezTo>
                    <a:pt x="119999" y="3478"/>
                    <a:pt x="119999" y="3478"/>
                    <a:pt x="119999" y="3478"/>
                  </a:cubicBezTo>
                  <a:cubicBezTo>
                    <a:pt x="119999" y="1739"/>
                    <a:pt x="118775" y="0"/>
                    <a:pt x="117551" y="0"/>
                  </a:cubicBezTo>
                  <a:cubicBezTo>
                    <a:pt x="101632" y="0"/>
                    <a:pt x="101632" y="0"/>
                    <a:pt x="101632" y="0"/>
                  </a:cubicBezTo>
                  <a:cubicBezTo>
                    <a:pt x="100408" y="0"/>
                    <a:pt x="99183" y="1739"/>
                    <a:pt x="99183" y="3478"/>
                  </a:cubicBezTo>
                  <a:cubicBezTo>
                    <a:pt x="99183" y="111304"/>
                    <a:pt x="99183" y="111304"/>
                    <a:pt x="99183" y="111304"/>
                  </a:cubicBezTo>
                  <a:cubicBezTo>
                    <a:pt x="89387" y="111304"/>
                    <a:pt x="89387" y="111304"/>
                    <a:pt x="89387" y="111304"/>
                  </a:cubicBezTo>
                  <a:cubicBezTo>
                    <a:pt x="89387" y="55652"/>
                    <a:pt x="89387" y="55652"/>
                    <a:pt x="89387" y="55652"/>
                  </a:cubicBezTo>
                  <a:cubicBezTo>
                    <a:pt x="89387" y="53913"/>
                    <a:pt x="88163" y="52173"/>
                    <a:pt x="85714" y="52173"/>
                  </a:cubicBezTo>
                  <a:cubicBezTo>
                    <a:pt x="69795" y="52173"/>
                    <a:pt x="69795" y="52173"/>
                    <a:pt x="69795" y="52173"/>
                  </a:cubicBezTo>
                  <a:cubicBezTo>
                    <a:pt x="68571" y="52173"/>
                    <a:pt x="67346" y="53913"/>
                    <a:pt x="67346" y="55652"/>
                  </a:cubicBezTo>
                  <a:cubicBezTo>
                    <a:pt x="67346" y="111304"/>
                    <a:pt x="67346" y="111304"/>
                    <a:pt x="67346" y="111304"/>
                  </a:cubicBezTo>
                  <a:cubicBezTo>
                    <a:pt x="57551" y="111304"/>
                    <a:pt x="57551" y="111304"/>
                    <a:pt x="57551" y="111304"/>
                  </a:cubicBezTo>
                  <a:cubicBezTo>
                    <a:pt x="57551" y="41739"/>
                    <a:pt x="57551" y="41739"/>
                    <a:pt x="57551" y="41739"/>
                  </a:cubicBezTo>
                  <a:cubicBezTo>
                    <a:pt x="57551" y="38260"/>
                    <a:pt x="56326" y="36521"/>
                    <a:pt x="55102" y="36521"/>
                  </a:cubicBezTo>
                  <a:cubicBezTo>
                    <a:pt x="39183" y="36521"/>
                    <a:pt x="39183" y="36521"/>
                    <a:pt x="39183" y="36521"/>
                  </a:cubicBezTo>
                  <a:cubicBezTo>
                    <a:pt x="37959" y="36521"/>
                    <a:pt x="35510" y="38260"/>
                    <a:pt x="35510" y="41739"/>
                  </a:cubicBezTo>
                  <a:cubicBezTo>
                    <a:pt x="35510" y="111304"/>
                    <a:pt x="35510" y="111304"/>
                    <a:pt x="35510" y="111304"/>
                  </a:cubicBezTo>
                  <a:cubicBezTo>
                    <a:pt x="25714" y="111304"/>
                    <a:pt x="25714" y="111304"/>
                    <a:pt x="25714" y="111304"/>
                  </a:cubicBezTo>
                  <a:cubicBezTo>
                    <a:pt x="25714" y="78260"/>
                    <a:pt x="25714" y="78260"/>
                    <a:pt x="25714" y="78260"/>
                  </a:cubicBezTo>
                  <a:cubicBezTo>
                    <a:pt x="25714" y="76521"/>
                    <a:pt x="24489" y="74782"/>
                    <a:pt x="23265" y="74782"/>
                  </a:cubicBezTo>
                  <a:cubicBezTo>
                    <a:pt x="7346" y="74782"/>
                    <a:pt x="7346" y="74782"/>
                    <a:pt x="7346" y="74782"/>
                  </a:cubicBezTo>
                  <a:cubicBezTo>
                    <a:pt x="6122" y="74782"/>
                    <a:pt x="4897" y="76521"/>
                    <a:pt x="4897" y="78260"/>
                  </a:cubicBezTo>
                  <a:cubicBezTo>
                    <a:pt x="4897" y="111304"/>
                    <a:pt x="4897" y="111304"/>
                    <a:pt x="4897" y="111304"/>
                  </a:cubicBezTo>
                  <a:cubicBezTo>
                    <a:pt x="2448" y="111304"/>
                    <a:pt x="2448" y="111304"/>
                    <a:pt x="2448" y="111304"/>
                  </a:cubicBezTo>
                  <a:cubicBezTo>
                    <a:pt x="1224" y="111304"/>
                    <a:pt x="0" y="113043"/>
                    <a:pt x="0" y="114782"/>
                  </a:cubicBezTo>
                  <a:cubicBezTo>
                    <a:pt x="0" y="118260"/>
                    <a:pt x="1224" y="120000"/>
                    <a:pt x="2448" y="120000"/>
                  </a:cubicBezTo>
                  <a:close/>
                  <a:moveTo>
                    <a:pt x="73469" y="60869"/>
                  </a:moveTo>
                  <a:cubicBezTo>
                    <a:pt x="83265" y="60869"/>
                    <a:pt x="83265" y="60869"/>
                    <a:pt x="83265" y="60869"/>
                  </a:cubicBezTo>
                  <a:cubicBezTo>
                    <a:pt x="83265" y="111304"/>
                    <a:pt x="83265" y="111304"/>
                    <a:pt x="83265" y="111304"/>
                  </a:cubicBezTo>
                  <a:cubicBezTo>
                    <a:pt x="73469" y="111304"/>
                    <a:pt x="73469" y="111304"/>
                    <a:pt x="73469" y="111304"/>
                  </a:cubicBezTo>
                  <a:lnTo>
                    <a:pt x="73469" y="60869"/>
                  </a:lnTo>
                  <a:close/>
                  <a:moveTo>
                    <a:pt x="41632" y="45217"/>
                  </a:moveTo>
                  <a:cubicBezTo>
                    <a:pt x="51428" y="45217"/>
                    <a:pt x="51428" y="45217"/>
                    <a:pt x="51428" y="45217"/>
                  </a:cubicBezTo>
                  <a:cubicBezTo>
                    <a:pt x="51428" y="111304"/>
                    <a:pt x="51428" y="111304"/>
                    <a:pt x="51428" y="111304"/>
                  </a:cubicBezTo>
                  <a:cubicBezTo>
                    <a:pt x="41632" y="111304"/>
                    <a:pt x="41632" y="111304"/>
                    <a:pt x="41632" y="111304"/>
                  </a:cubicBezTo>
                  <a:lnTo>
                    <a:pt x="41632" y="45217"/>
                  </a:lnTo>
                  <a:close/>
                  <a:moveTo>
                    <a:pt x="11020" y="83478"/>
                  </a:moveTo>
                  <a:cubicBezTo>
                    <a:pt x="20816" y="83478"/>
                    <a:pt x="20816" y="83478"/>
                    <a:pt x="20816" y="83478"/>
                  </a:cubicBezTo>
                  <a:cubicBezTo>
                    <a:pt x="20816" y="111304"/>
                    <a:pt x="20816" y="111304"/>
                    <a:pt x="20816" y="111304"/>
                  </a:cubicBezTo>
                  <a:cubicBezTo>
                    <a:pt x="11020" y="111304"/>
                    <a:pt x="11020" y="111304"/>
                    <a:pt x="11020" y="111304"/>
                  </a:cubicBezTo>
                  <a:lnTo>
                    <a:pt x="11020" y="8347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2" name="Google Shape;524;p39"/>
            <p:cNvSpPr/>
            <p:nvPr/>
          </p:nvSpPr>
          <p:spPr>
            <a:xfrm>
              <a:off x="1106488" y="3538538"/>
              <a:ext cx="936600" cy="12558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2971" y="117948"/>
                  </a:moveTo>
                  <a:cubicBezTo>
                    <a:pt x="3428" y="117948"/>
                    <a:pt x="3428" y="117948"/>
                    <a:pt x="3428" y="117948"/>
                  </a:cubicBezTo>
                  <a:cubicBezTo>
                    <a:pt x="3428" y="2564"/>
                    <a:pt x="3428" y="2564"/>
                    <a:pt x="3428" y="2564"/>
                  </a:cubicBezTo>
                  <a:cubicBezTo>
                    <a:pt x="75428" y="2564"/>
                    <a:pt x="75428" y="2564"/>
                    <a:pt x="75428" y="2564"/>
                  </a:cubicBezTo>
                  <a:cubicBezTo>
                    <a:pt x="75428" y="31794"/>
                    <a:pt x="75428" y="31794"/>
                    <a:pt x="75428" y="31794"/>
                  </a:cubicBezTo>
                  <a:cubicBezTo>
                    <a:pt x="75428" y="32820"/>
                    <a:pt x="76114" y="33333"/>
                    <a:pt x="76800" y="33333"/>
                  </a:cubicBezTo>
                  <a:cubicBezTo>
                    <a:pt x="116571" y="33333"/>
                    <a:pt x="116571" y="33333"/>
                    <a:pt x="116571" y="33333"/>
                  </a:cubicBezTo>
                  <a:cubicBezTo>
                    <a:pt x="116571" y="92307"/>
                    <a:pt x="116571" y="92307"/>
                    <a:pt x="116571" y="92307"/>
                  </a:cubicBezTo>
                  <a:cubicBezTo>
                    <a:pt x="117257" y="92820"/>
                    <a:pt x="117257" y="94358"/>
                    <a:pt x="117257" y="95384"/>
                  </a:cubicBezTo>
                  <a:cubicBezTo>
                    <a:pt x="117257" y="97435"/>
                    <a:pt x="117257" y="97435"/>
                    <a:pt x="117257" y="97435"/>
                  </a:cubicBezTo>
                  <a:cubicBezTo>
                    <a:pt x="117942" y="97435"/>
                    <a:pt x="118628" y="96923"/>
                    <a:pt x="119999" y="96410"/>
                  </a:cubicBezTo>
                  <a:cubicBezTo>
                    <a:pt x="119999" y="31794"/>
                    <a:pt x="119999" y="31794"/>
                    <a:pt x="119999" y="31794"/>
                  </a:cubicBezTo>
                  <a:cubicBezTo>
                    <a:pt x="119999" y="31794"/>
                    <a:pt x="119999" y="31794"/>
                    <a:pt x="119999" y="31794"/>
                  </a:cubicBezTo>
                  <a:cubicBezTo>
                    <a:pt x="119999" y="31794"/>
                    <a:pt x="119999" y="31794"/>
                    <a:pt x="119999" y="31794"/>
                  </a:cubicBezTo>
                  <a:cubicBezTo>
                    <a:pt x="119314" y="31794"/>
                    <a:pt x="119314" y="31282"/>
                    <a:pt x="119314" y="31282"/>
                  </a:cubicBezTo>
                  <a:cubicBezTo>
                    <a:pt x="119314" y="31282"/>
                    <a:pt x="119314" y="31282"/>
                    <a:pt x="119314" y="31282"/>
                  </a:cubicBezTo>
                  <a:cubicBezTo>
                    <a:pt x="119314" y="31282"/>
                    <a:pt x="119314" y="31282"/>
                    <a:pt x="119314" y="31282"/>
                  </a:cubicBezTo>
                  <a:cubicBezTo>
                    <a:pt x="119314" y="31282"/>
                    <a:pt x="119314" y="31282"/>
                    <a:pt x="119314" y="31282"/>
                  </a:cubicBezTo>
                  <a:cubicBezTo>
                    <a:pt x="78171" y="512"/>
                    <a:pt x="78171" y="512"/>
                    <a:pt x="78171" y="512"/>
                  </a:cubicBezTo>
                  <a:cubicBezTo>
                    <a:pt x="78171" y="512"/>
                    <a:pt x="78171" y="512"/>
                    <a:pt x="78171" y="0"/>
                  </a:cubicBezTo>
                  <a:cubicBezTo>
                    <a:pt x="78171" y="0"/>
                    <a:pt x="78171" y="0"/>
                    <a:pt x="78171" y="0"/>
                  </a:cubicBezTo>
                  <a:cubicBezTo>
                    <a:pt x="78171" y="0"/>
                    <a:pt x="77485" y="0"/>
                    <a:pt x="77485" y="0"/>
                  </a:cubicBezTo>
                  <a:cubicBezTo>
                    <a:pt x="77485" y="0"/>
                    <a:pt x="77485" y="0"/>
                    <a:pt x="77485" y="0"/>
                  </a:cubicBezTo>
                  <a:cubicBezTo>
                    <a:pt x="77485" y="0"/>
                    <a:pt x="77485" y="0"/>
                    <a:pt x="77485" y="0"/>
                  </a:cubicBezTo>
                  <a:cubicBezTo>
                    <a:pt x="77485" y="0"/>
                    <a:pt x="77485" y="0"/>
                    <a:pt x="76800" y="0"/>
                  </a:cubicBezTo>
                  <a:cubicBezTo>
                    <a:pt x="2057" y="0"/>
                    <a:pt x="2057" y="0"/>
                    <a:pt x="2057" y="0"/>
                  </a:cubicBezTo>
                  <a:cubicBezTo>
                    <a:pt x="685" y="0"/>
                    <a:pt x="0" y="512"/>
                    <a:pt x="0" y="1538"/>
                  </a:cubicBezTo>
                  <a:cubicBezTo>
                    <a:pt x="0" y="118974"/>
                    <a:pt x="0" y="118974"/>
                    <a:pt x="0" y="118974"/>
                  </a:cubicBezTo>
                  <a:cubicBezTo>
                    <a:pt x="0" y="119487"/>
                    <a:pt x="685" y="120000"/>
                    <a:pt x="2057" y="120000"/>
                  </a:cubicBezTo>
                  <a:cubicBezTo>
                    <a:pt x="82971" y="120000"/>
                    <a:pt x="82971" y="120000"/>
                    <a:pt x="82971" y="120000"/>
                  </a:cubicBezTo>
                  <a:lnTo>
                    <a:pt x="82971" y="117948"/>
                  </a:lnTo>
                  <a:close/>
                  <a:moveTo>
                    <a:pt x="78857" y="4102"/>
                  </a:moveTo>
                  <a:cubicBezTo>
                    <a:pt x="113828" y="30769"/>
                    <a:pt x="113828" y="30769"/>
                    <a:pt x="113828" y="30769"/>
                  </a:cubicBezTo>
                  <a:cubicBezTo>
                    <a:pt x="78857" y="30769"/>
                    <a:pt x="78857" y="30769"/>
                    <a:pt x="78857" y="30769"/>
                  </a:cubicBezTo>
                  <a:lnTo>
                    <a:pt x="78857" y="410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3" name="Google Shape;525;p39"/>
            <p:cNvSpPr/>
            <p:nvPr/>
          </p:nvSpPr>
          <p:spPr>
            <a:xfrm>
              <a:off x="1293813" y="3748088"/>
              <a:ext cx="250800" cy="222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5106" y="120000"/>
                  </a:moveTo>
                  <a:cubicBezTo>
                    <a:pt x="114893" y="120000"/>
                    <a:pt x="114893" y="120000"/>
                    <a:pt x="114893" y="120000"/>
                  </a:cubicBezTo>
                  <a:cubicBezTo>
                    <a:pt x="117446" y="120000"/>
                    <a:pt x="120000" y="90000"/>
                    <a:pt x="120000" y="60000"/>
                  </a:cubicBezTo>
                  <a:cubicBezTo>
                    <a:pt x="120000" y="30000"/>
                    <a:pt x="117446" y="0"/>
                    <a:pt x="114893" y="0"/>
                  </a:cubicBezTo>
                  <a:cubicBezTo>
                    <a:pt x="5106" y="0"/>
                    <a:pt x="5106" y="0"/>
                    <a:pt x="5106" y="0"/>
                  </a:cubicBezTo>
                  <a:cubicBezTo>
                    <a:pt x="2553" y="0"/>
                    <a:pt x="0" y="30000"/>
                    <a:pt x="0" y="60000"/>
                  </a:cubicBezTo>
                  <a:cubicBezTo>
                    <a:pt x="0" y="90000"/>
                    <a:pt x="2553" y="120000"/>
                    <a:pt x="5106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4" name="Google Shape;526;p39"/>
            <p:cNvSpPr/>
            <p:nvPr/>
          </p:nvSpPr>
          <p:spPr>
            <a:xfrm>
              <a:off x="1293813" y="3919538"/>
              <a:ext cx="2508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5106" y="120000"/>
                  </a:moveTo>
                  <a:cubicBezTo>
                    <a:pt x="114893" y="120000"/>
                    <a:pt x="114893" y="120000"/>
                    <a:pt x="114893" y="120000"/>
                  </a:cubicBezTo>
                  <a:cubicBezTo>
                    <a:pt x="117446" y="120000"/>
                    <a:pt x="120000" y="96000"/>
                    <a:pt x="120000" y="48000"/>
                  </a:cubicBezTo>
                  <a:cubicBezTo>
                    <a:pt x="120000" y="24000"/>
                    <a:pt x="117446" y="0"/>
                    <a:pt x="114893" y="0"/>
                  </a:cubicBezTo>
                  <a:cubicBezTo>
                    <a:pt x="5106" y="0"/>
                    <a:pt x="5106" y="0"/>
                    <a:pt x="5106" y="0"/>
                  </a:cubicBezTo>
                  <a:cubicBezTo>
                    <a:pt x="2553" y="0"/>
                    <a:pt x="0" y="24000"/>
                    <a:pt x="0" y="48000"/>
                  </a:cubicBezTo>
                  <a:cubicBezTo>
                    <a:pt x="0" y="96000"/>
                    <a:pt x="2553" y="120000"/>
                    <a:pt x="5106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5" name="Google Shape;527;p39"/>
            <p:cNvSpPr/>
            <p:nvPr/>
          </p:nvSpPr>
          <p:spPr>
            <a:xfrm>
              <a:off x="1325563" y="4048125"/>
              <a:ext cx="480900" cy="3015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77333" y="64285"/>
                  </a:moveTo>
                  <a:cubicBezTo>
                    <a:pt x="74666" y="64285"/>
                    <a:pt x="72000" y="66428"/>
                    <a:pt x="70666" y="68571"/>
                  </a:cubicBezTo>
                  <a:cubicBezTo>
                    <a:pt x="52000" y="59999"/>
                    <a:pt x="52000" y="59999"/>
                    <a:pt x="52000" y="59999"/>
                  </a:cubicBezTo>
                  <a:cubicBezTo>
                    <a:pt x="52000" y="51428"/>
                    <a:pt x="48000" y="44999"/>
                    <a:pt x="42666" y="44999"/>
                  </a:cubicBezTo>
                  <a:cubicBezTo>
                    <a:pt x="38666" y="44999"/>
                    <a:pt x="34666" y="51428"/>
                    <a:pt x="34666" y="59999"/>
                  </a:cubicBezTo>
                  <a:cubicBezTo>
                    <a:pt x="34666" y="62142"/>
                    <a:pt x="34666" y="62142"/>
                    <a:pt x="34666" y="64285"/>
                  </a:cubicBezTo>
                  <a:cubicBezTo>
                    <a:pt x="13333" y="92142"/>
                    <a:pt x="13333" y="92142"/>
                    <a:pt x="13333" y="92142"/>
                  </a:cubicBezTo>
                  <a:cubicBezTo>
                    <a:pt x="12000" y="92142"/>
                    <a:pt x="10666" y="92142"/>
                    <a:pt x="9333" y="92142"/>
                  </a:cubicBezTo>
                  <a:cubicBezTo>
                    <a:pt x="4000" y="92142"/>
                    <a:pt x="0" y="98571"/>
                    <a:pt x="0" y="104999"/>
                  </a:cubicBezTo>
                  <a:cubicBezTo>
                    <a:pt x="0" y="113571"/>
                    <a:pt x="4000" y="119999"/>
                    <a:pt x="9333" y="119999"/>
                  </a:cubicBezTo>
                  <a:cubicBezTo>
                    <a:pt x="13333" y="119999"/>
                    <a:pt x="17333" y="113571"/>
                    <a:pt x="17333" y="104999"/>
                  </a:cubicBezTo>
                  <a:cubicBezTo>
                    <a:pt x="17333" y="102857"/>
                    <a:pt x="17333" y="102857"/>
                    <a:pt x="17333" y="100714"/>
                  </a:cubicBezTo>
                  <a:cubicBezTo>
                    <a:pt x="38666" y="72857"/>
                    <a:pt x="38666" y="72857"/>
                    <a:pt x="38666" y="72857"/>
                  </a:cubicBezTo>
                  <a:cubicBezTo>
                    <a:pt x="40000" y="72857"/>
                    <a:pt x="41333" y="75000"/>
                    <a:pt x="42666" y="75000"/>
                  </a:cubicBezTo>
                  <a:cubicBezTo>
                    <a:pt x="45333" y="75000"/>
                    <a:pt x="48000" y="72857"/>
                    <a:pt x="49333" y="68571"/>
                  </a:cubicBezTo>
                  <a:cubicBezTo>
                    <a:pt x="68000" y="79285"/>
                    <a:pt x="68000" y="79285"/>
                    <a:pt x="68000" y="79285"/>
                  </a:cubicBezTo>
                  <a:cubicBezTo>
                    <a:pt x="68000" y="85714"/>
                    <a:pt x="72000" y="92142"/>
                    <a:pt x="77333" y="92142"/>
                  </a:cubicBezTo>
                  <a:cubicBezTo>
                    <a:pt x="82666" y="92142"/>
                    <a:pt x="86666" y="85714"/>
                    <a:pt x="86666" y="77142"/>
                  </a:cubicBezTo>
                  <a:cubicBezTo>
                    <a:pt x="86666" y="75000"/>
                    <a:pt x="85333" y="72857"/>
                    <a:pt x="85333" y="70714"/>
                  </a:cubicBezTo>
                  <a:cubicBezTo>
                    <a:pt x="108000" y="27857"/>
                    <a:pt x="108000" y="27857"/>
                    <a:pt x="108000" y="27857"/>
                  </a:cubicBezTo>
                  <a:cubicBezTo>
                    <a:pt x="109333" y="27857"/>
                    <a:pt x="110666" y="27857"/>
                    <a:pt x="112000" y="27857"/>
                  </a:cubicBezTo>
                  <a:cubicBezTo>
                    <a:pt x="116000" y="27857"/>
                    <a:pt x="120000" y="21428"/>
                    <a:pt x="120000" y="12857"/>
                  </a:cubicBezTo>
                  <a:cubicBezTo>
                    <a:pt x="120000" y="6428"/>
                    <a:pt x="116000" y="0"/>
                    <a:pt x="112000" y="0"/>
                  </a:cubicBezTo>
                  <a:cubicBezTo>
                    <a:pt x="106666" y="0"/>
                    <a:pt x="102666" y="6428"/>
                    <a:pt x="102666" y="12857"/>
                  </a:cubicBezTo>
                  <a:cubicBezTo>
                    <a:pt x="102666" y="17142"/>
                    <a:pt x="102666" y="19285"/>
                    <a:pt x="104000" y="21428"/>
                  </a:cubicBezTo>
                  <a:cubicBezTo>
                    <a:pt x="80000" y="64285"/>
                    <a:pt x="80000" y="64285"/>
                    <a:pt x="80000" y="64285"/>
                  </a:cubicBezTo>
                  <a:cubicBezTo>
                    <a:pt x="78666" y="64285"/>
                    <a:pt x="78666" y="64285"/>
                    <a:pt x="77333" y="64285"/>
                  </a:cubicBezTo>
                  <a:close/>
                  <a:moveTo>
                    <a:pt x="9333" y="109285"/>
                  </a:moveTo>
                  <a:cubicBezTo>
                    <a:pt x="8000" y="109285"/>
                    <a:pt x="6666" y="107142"/>
                    <a:pt x="6666" y="104999"/>
                  </a:cubicBezTo>
                  <a:cubicBezTo>
                    <a:pt x="6666" y="102857"/>
                    <a:pt x="8000" y="100714"/>
                    <a:pt x="9333" y="100714"/>
                  </a:cubicBezTo>
                  <a:cubicBezTo>
                    <a:pt x="10666" y="100714"/>
                    <a:pt x="10666" y="102857"/>
                    <a:pt x="10666" y="104999"/>
                  </a:cubicBezTo>
                  <a:cubicBezTo>
                    <a:pt x="10666" y="107142"/>
                    <a:pt x="10666" y="109285"/>
                    <a:pt x="9333" y="109285"/>
                  </a:cubicBezTo>
                  <a:close/>
                  <a:moveTo>
                    <a:pt x="42666" y="64285"/>
                  </a:moveTo>
                  <a:cubicBezTo>
                    <a:pt x="41333" y="64285"/>
                    <a:pt x="40000" y="62142"/>
                    <a:pt x="40000" y="59999"/>
                  </a:cubicBezTo>
                  <a:cubicBezTo>
                    <a:pt x="40000" y="57857"/>
                    <a:pt x="41333" y="55714"/>
                    <a:pt x="42666" y="55714"/>
                  </a:cubicBezTo>
                  <a:cubicBezTo>
                    <a:pt x="44000" y="55714"/>
                    <a:pt x="45333" y="57857"/>
                    <a:pt x="45333" y="59999"/>
                  </a:cubicBezTo>
                  <a:cubicBezTo>
                    <a:pt x="45333" y="62142"/>
                    <a:pt x="44000" y="64285"/>
                    <a:pt x="42666" y="64285"/>
                  </a:cubicBezTo>
                  <a:close/>
                  <a:moveTo>
                    <a:pt x="77333" y="81428"/>
                  </a:moveTo>
                  <a:cubicBezTo>
                    <a:pt x="76000" y="81428"/>
                    <a:pt x="74666" y="79285"/>
                    <a:pt x="74666" y="77142"/>
                  </a:cubicBezTo>
                  <a:cubicBezTo>
                    <a:pt x="74666" y="77142"/>
                    <a:pt x="74666" y="77142"/>
                    <a:pt x="74666" y="77142"/>
                  </a:cubicBezTo>
                  <a:cubicBezTo>
                    <a:pt x="74666" y="77142"/>
                    <a:pt x="74666" y="77142"/>
                    <a:pt x="74666" y="77142"/>
                  </a:cubicBezTo>
                  <a:cubicBezTo>
                    <a:pt x="74666" y="77142"/>
                    <a:pt x="74666" y="77142"/>
                    <a:pt x="74666" y="75000"/>
                  </a:cubicBezTo>
                  <a:cubicBezTo>
                    <a:pt x="76000" y="75000"/>
                    <a:pt x="76000" y="75000"/>
                    <a:pt x="77333" y="75000"/>
                  </a:cubicBezTo>
                  <a:cubicBezTo>
                    <a:pt x="78666" y="75000"/>
                    <a:pt x="80000" y="75000"/>
                    <a:pt x="80000" y="77142"/>
                  </a:cubicBezTo>
                  <a:cubicBezTo>
                    <a:pt x="80000" y="79285"/>
                    <a:pt x="78666" y="81428"/>
                    <a:pt x="77333" y="81428"/>
                  </a:cubicBezTo>
                  <a:close/>
                  <a:moveTo>
                    <a:pt x="112000" y="10714"/>
                  </a:moveTo>
                  <a:cubicBezTo>
                    <a:pt x="113333" y="10714"/>
                    <a:pt x="113333" y="10714"/>
                    <a:pt x="113333" y="12857"/>
                  </a:cubicBezTo>
                  <a:cubicBezTo>
                    <a:pt x="113333" y="14999"/>
                    <a:pt x="113333" y="17142"/>
                    <a:pt x="112000" y="17142"/>
                  </a:cubicBezTo>
                  <a:cubicBezTo>
                    <a:pt x="109333" y="17142"/>
                    <a:pt x="109333" y="14999"/>
                    <a:pt x="109333" y="12857"/>
                  </a:cubicBezTo>
                  <a:cubicBezTo>
                    <a:pt x="109333" y="10714"/>
                    <a:pt x="109333" y="10714"/>
                    <a:pt x="112000" y="10714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6" name="Google Shape;528;p39"/>
            <p:cNvSpPr/>
            <p:nvPr/>
          </p:nvSpPr>
          <p:spPr>
            <a:xfrm>
              <a:off x="1293813" y="3833813"/>
              <a:ext cx="250800" cy="222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5106" y="120000"/>
                  </a:moveTo>
                  <a:cubicBezTo>
                    <a:pt x="114893" y="120000"/>
                    <a:pt x="114893" y="120000"/>
                    <a:pt x="114893" y="120000"/>
                  </a:cubicBezTo>
                  <a:cubicBezTo>
                    <a:pt x="117446" y="120000"/>
                    <a:pt x="120000" y="90000"/>
                    <a:pt x="120000" y="60000"/>
                  </a:cubicBezTo>
                  <a:cubicBezTo>
                    <a:pt x="120000" y="30000"/>
                    <a:pt x="117446" y="0"/>
                    <a:pt x="114893" y="0"/>
                  </a:cubicBezTo>
                  <a:cubicBezTo>
                    <a:pt x="5106" y="0"/>
                    <a:pt x="5106" y="0"/>
                    <a:pt x="5106" y="0"/>
                  </a:cubicBezTo>
                  <a:cubicBezTo>
                    <a:pt x="2553" y="0"/>
                    <a:pt x="0" y="30000"/>
                    <a:pt x="0" y="60000"/>
                  </a:cubicBezTo>
                  <a:cubicBezTo>
                    <a:pt x="0" y="90000"/>
                    <a:pt x="2553" y="120000"/>
                    <a:pt x="5106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7" name="Google Shape;529;p39"/>
            <p:cNvSpPr/>
            <p:nvPr/>
          </p:nvSpPr>
          <p:spPr>
            <a:xfrm>
              <a:off x="1555750" y="4462463"/>
              <a:ext cx="711300" cy="1544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29774" y="62500"/>
                  </a:moveTo>
                  <a:cubicBezTo>
                    <a:pt x="32481" y="64583"/>
                    <a:pt x="36090" y="66250"/>
                    <a:pt x="41503" y="67916"/>
                  </a:cubicBezTo>
                  <a:cubicBezTo>
                    <a:pt x="41503" y="76250"/>
                    <a:pt x="41503" y="76250"/>
                    <a:pt x="41503" y="76250"/>
                  </a:cubicBezTo>
                  <a:cubicBezTo>
                    <a:pt x="31578" y="76250"/>
                    <a:pt x="31578" y="76250"/>
                    <a:pt x="31578" y="76250"/>
                  </a:cubicBezTo>
                  <a:cubicBezTo>
                    <a:pt x="30676" y="76250"/>
                    <a:pt x="29774" y="77083"/>
                    <a:pt x="29774" y="77500"/>
                  </a:cubicBezTo>
                  <a:cubicBezTo>
                    <a:pt x="29774" y="89166"/>
                    <a:pt x="29774" y="89166"/>
                    <a:pt x="29774" y="89166"/>
                  </a:cubicBezTo>
                  <a:cubicBezTo>
                    <a:pt x="29774" y="120000"/>
                    <a:pt x="29774" y="120000"/>
                    <a:pt x="29774" y="120000"/>
                  </a:cubicBezTo>
                  <a:cubicBezTo>
                    <a:pt x="34285" y="120000"/>
                    <a:pt x="34285" y="120000"/>
                    <a:pt x="34285" y="120000"/>
                  </a:cubicBezTo>
                  <a:cubicBezTo>
                    <a:pt x="34285" y="90000"/>
                    <a:pt x="34285" y="90000"/>
                    <a:pt x="34285" y="90000"/>
                  </a:cubicBezTo>
                  <a:cubicBezTo>
                    <a:pt x="110977" y="90000"/>
                    <a:pt x="110977" y="90000"/>
                    <a:pt x="110977" y="90000"/>
                  </a:cubicBezTo>
                  <a:cubicBezTo>
                    <a:pt x="110977" y="120000"/>
                    <a:pt x="110977" y="120000"/>
                    <a:pt x="110977" y="120000"/>
                  </a:cubicBezTo>
                  <a:cubicBezTo>
                    <a:pt x="115488" y="120000"/>
                    <a:pt x="115488" y="120000"/>
                    <a:pt x="115488" y="120000"/>
                  </a:cubicBezTo>
                  <a:cubicBezTo>
                    <a:pt x="115488" y="89166"/>
                    <a:pt x="115488" y="89166"/>
                    <a:pt x="115488" y="89166"/>
                  </a:cubicBezTo>
                  <a:cubicBezTo>
                    <a:pt x="115488" y="77500"/>
                    <a:pt x="115488" y="77500"/>
                    <a:pt x="115488" y="77500"/>
                  </a:cubicBezTo>
                  <a:cubicBezTo>
                    <a:pt x="115488" y="77083"/>
                    <a:pt x="114586" y="76250"/>
                    <a:pt x="112781" y="76250"/>
                  </a:cubicBezTo>
                  <a:cubicBezTo>
                    <a:pt x="103759" y="76250"/>
                    <a:pt x="103759" y="76250"/>
                    <a:pt x="103759" y="76250"/>
                  </a:cubicBezTo>
                  <a:cubicBezTo>
                    <a:pt x="103759" y="67500"/>
                    <a:pt x="103759" y="67500"/>
                    <a:pt x="103759" y="67500"/>
                  </a:cubicBezTo>
                  <a:cubicBezTo>
                    <a:pt x="113684" y="64166"/>
                    <a:pt x="120000" y="59166"/>
                    <a:pt x="120000" y="53333"/>
                  </a:cubicBezTo>
                  <a:cubicBezTo>
                    <a:pt x="120000" y="21666"/>
                    <a:pt x="120000" y="21666"/>
                    <a:pt x="120000" y="21666"/>
                  </a:cubicBezTo>
                  <a:cubicBezTo>
                    <a:pt x="120000" y="18333"/>
                    <a:pt x="114586" y="15833"/>
                    <a:pt x="107368" y="15833"/>
                  </a:cubicBezTo>
                  <a:cubicBezTo>
                    <a:pt x="104661" y="15833"/>
                    <a:pt x="101954" y="16250"/>
                    <a:pt x="99248" y="17083"/>
                  </a:cubicBezTo>
                  <a:cubicBezTo>
                    <a:pt x="99248" y="12083"/>
                    <a:pt x="99248" y="12083"/>
                    <a:pt x="99248" y="12083"/>
                  </a:cubicBezTo>
                  <a:cubicBezTo>
                    <a:pt x="99248" y="8750"/>
                    <a:pt x="93834" y="6250"/>
                    <a:pt x="86616" y="6250"/>
                  </a:cubicBezTo>
                  <a:cubicBezTo>
                    <a:pt x="83909" y="6250"/>
                    <a:pt x="81203" y="6666"/>
                    <a:pt x="78496" y="7500"/>
                  </a:cubicBezTo>
                  <a:cubicBezTo>
                    <a:pt x="78496" y="5833"/>
                    <a:pt x="78496" y="5833"/>
                    <a:pt x="78496" y="5833"/>
                  </a:cubicBezTo>
                  <a:cubicBezTo>
                    <a:pt x="78496" y="2500"/>
                    <a:pt x="73082" y="0"/>
                    <a:pt x="65864" y="0"/>
                  </a:cubicBezTo>
                  <a:cubicBezTo>
                    <a:pt x="59548" y="0"/>
                    <a:pt x="54135" y="2500"/>
                    <a:pt x="54135" y="5833"/>
                  </a:cubicBezTo>
                  <a:cubicBezTo>
                    <a:pt x="54135" y="7500"/>
                    <a:pt x="54135" y="7500"/>
                    <a:pt x="54135" y="7500"/>
                  </a:cubicBezTo>
                  <a:cubicBezTo>
                    <a:pt x="51428" y="6666"/>
                    <a:pt x="48721" y="6250"/>
                    <a:pt x="45112" y="6250"/>
                  </a:cubicBezTo>
                  <a:cubicBezTo>
                    <a:pt x="38796" y="6250"/>
                    <a:pt x="33383" y="8750"/>
                    <a:pt x="33383" y="12083"/>
                  </a:cubicBezTo>
                  <a:cubicBezTo>
                    <a:pt x="33383" y="41250"/>
                    <a:pt x="33383" y="41250"/>
                    <a:pt x="33383" y="41250"/>
                  </a:cubicBezTo>
                  <a:cubicBezTo>
                    <a:pt x="18947" y="33333"/>
                    <a:pt x="18947" y="33333"/>
                    <a:pt x="18947" y="33333"/>
                  </a:cubicBezTo>
                  <a:cubicBezTo>
                    <a:pt x="18947" y="33333"/>
                    <a:pt x="18045" y="33333"/>
                    <a:pt x="18045" y="33333"/>
                  </a:cubicBezTo>
                  <a:cubicBezTo>
                    <a:pt x="14436" y="31666"/>
                    <a:pt x="8120" y="31666"/>
                    <a:pt x="4511" y="33333"/>
                  </a:cubicBezTo>
                  <a:cubicBezTo>
                    <a:pt x="902" y="35000"/>
                    <a:pt x="0" y="37500"/>
                    <a:pt x="2706" y="39583"/>
                  </a:cubicBezTo>
                  <a:cubicBezTo>
                    <a:pt x="4511" y="40833"/>
                    <a:pt x="18045" y="54166"/>
                    <a:pt x="29774" y="62500"/>
                  </a:cubicBezTo>
                  <a:close/>
                  <a:moveTo>
                    <a:pt x="110977" y="78333"/>
                  </a:moveTo>
                  <a:cubicBezTo>
                    <a:pt x="110977" y="88333"/>
                    <a:pt x="110977" y="88333"/>
                    <a:pt x="110977" y="88333"/>
                  </a:cubicBezTo>
                  <a:cubicBezTo>
                    <a:pt x="34285" y="88333"/>
                    <a:pt x="34285" y="88333"/>
                    <a:pt x="34285" y="88333"/>
                  </a:cubicBezTo>
                  <a:cubicBezTo>
                    <a:pt x="34285" y="78333"/>
                    <a:pt x="34285" y="78333"/>
                    <a:pt x="34285" y="78333"/>
                  </a:cubicBezTo>
                  <a:lnTo>
                    <a:pt x="110977" y="78333"/>
                  </a:lnTo>
                  <a:close/>
                  <a:moveTo>
                    <a:pt x="7218" y="35000"/>
                  </a:moveTo>
                  <a:cubicBezTo>
                    <a:pt x="9022" y="33750"/>
                    <a:pt x="12631" y="33750"/>
                    <a:pt x="15338" y="34583"/>
                  </a:cubicBezTo>
                  <a:cubicBezTo>
                    <a:pt x="33383" y="44583"/>
                    <a:pt x="33383" y="44583"/>
                    <a:pt x="33383" y="44583"/>
                  </a:cubicBezTo>
                  <a:cubicBezTo>
                    <a:pt x="34285" y="45000"/>
                    <a:pt x="35187" y="45000"/>
                    <a:pt x="36090" y="45000"/>
                  </a:cubicBezTo>
                  <a:cubicBezTo>
                    <a:pt x="36992" y="44583"/>
                    <a:pt x="36992" y="44166"/>
                    <a:pt x="36992" y="43750"/>
                  </a:cubicBezTo>
                  <a:cubicBezTo>
                    <a:pt x="36992" y="12083"/>
                    <a:pt x="36992" y="12083"/>
                    <a:pt x="36992" y="12083"/>
                  </a:cubicBezTo>
                  <a:cubicBezTo>
                    <a:pt x="36992" y="10416"/>
                    <a:pt x="40601" y="8750"/>
                    <a:pt x="44210" y="8333"/>
                  </a:cubicBezTo>
                  <a:cubicBezTo>
                    <a:pt x="49624" y="7916"/>
                    <a:pt x="54135" y="10000"/>
                    <a:pt x="54135" y="12083"/>
                  </a:cubicBezTo>
                  <a:cubicBezTo>
                    <a:pt x="54135" y="29583"/>
                    <a:pt x="54135" y="29583"/>
                    <a:pt x="54135" y="29583"/>
                  </a:cubicBezTo>
                  <a:cubicBezTo>
                    <a:pt x="54135" y="30000"/>
                    <a:pt x="55037" y="30416"/>
                    <a:pt x="55939" y="30416"/>
                  </a:cubicBezTo>
                  <a:cubicBezTo>
                    <a:pt x="55939" y="30416"/>
                    <a:pt x="55939" y="30416"/>
                    <a:pt x="55939" y="30416"/>
                  </a:cubicBezTo>
                  <a:cubicBezTo>
                    <a:pt x="56842" y="30416"/>
                    <a:pt x="57744" y="30000"/>
                    <a:pt x="57744" y="29583"/>
                  </a:cubicBezTo>
                  <a:cubicBezTo>
                    <a:pt x="57744" y="12083"/>
                    <a:pt x="57744" y="12083"/>
                    <a:pt x="57744" y="12083"/>
                  </a:cubicBezTo>
                  <a:cubicBezTo>
                    <a:pt x="57744" y="5833"/>
                    <a:pt x="57744" y="5833"/>
                    <a:pt x="57744" y="5833"/>
                  </a:cubicBezTo>
                  <a:cubicBezTo>
                    <a:pt x="57744" y="3750"/>
                    <a:pt x="61353" y="2083"/>
                    <a:pt x="64962" y="2083"/>
                  </a:cubicBezTo>
                  <a:cubicBezTo>
                    <a:pt x="70375" y="1666"/>
                    <a:pt x="73984" y="3333"/>
                    <a:pt x="73984" y="5833"/>
                  </a:cubicBezTo>
                  <a:cubicBezTo>
                    <a:pt x="73984" y="12083"/>
                    <a:pt x="73984" y="12083"/>
                    <a:pt x="73984" y="12083"/>
                  </a:cubicBezTo>
                  <a:cubicBezTo>
                    <a:pt x="73984" y="29583"/>
                    <a:pt x="73984" y="29583"/>
                    <a:pt x="73984" y="29583"/>
                  </a:cubicBezTo>
                  <a:cubicBezTo>
                    <a:pt x="73984" y="30000"/>
                    <a:pt x="75789" y="30416"/>
                    <a:pt x="76691" y="30416"/>
                  </a:cubicBezTo>
                  <a:cubicBezTo>
                    <a:pt x="76691" y="30416"/>
                    <a:pt x="76691" y="30416"/>
                    <a:pt x="76691" y="30416"/>
                  </a:cubicBezTo>
                  <a:cubicBezTo>
                    <a:pt x="77593" y="30416"/>
                    <a:pt x="78496" y="30000"/>
                    <a:pt x="78496" y="29583"/>
                  </a:cubicBezTo>
                  <a:cubicBezTo>
                    <a:pt x="78496" y="12083"/>
                    <a:pt x="78496" y="12083"/>
                    <a:pt x="78496" y="12083"/>
                  </a:cubicBezTo>
                  <a:cubicBezTo>
                    <a:pt x="78496" y="10416"/>
                    <a:pt x="82105" y="8750"/>
                    <a:pt x="85714" y="8333"/>
                  </a:cubicBezTo>
                  <a:cubicBezTo>
                    <a:pt x="91127" y="7916"/>
                    <a:pt x="94736" y="10000"/>
                    <a:pt x="94736" y="12083"/>
                  </a:cubicBezTo>
                  <a:cubicBezTo>
                    <a:pt x="94736" y="21666"/>
                    <a:pt x="94736" y="21666"/>
                    <a:pt x="94736" y="21666"/>
                  </a:cubicBezTo>
                  <a:cubicBezTo>
                    <a:pt x="94736" y="34166"/>
                    <a:pt x="94736" y="34166"/>
                    <a:pt x="94736" y="34166"/>
                  </a:cubicBezTo>
                  <a:cubicBezTo>
                    <a:pt x="94736" y="34583"/>
                    <a:pt x="95639" y="35416"/>
                    <a:pt x="97443" y="35416"/>
                  </a:cubicBezTo>
                  <a:cubicBezTo>
                    <a:pt x="97443" y="35416"/>
                    <a:pt x="97443" y="35416"/>
                    <a:pt x="97443" y="35416"/>
                  </a:cubicBezTo>
                  <a:cubicBezTo>
                    <a:pt x="98345" y="35416"/>
                    <a:pt x="99248" y="34583"/>
                    <a:pt x="99248" y="34166"/>
                  </a:cubicBezTo>
                  <a:cubicBezTo>
                    <a:pt x="99248" y="21666"/>
                    <a:pt x="99248" y="21666"/>
                    <a:pt x="99248" y="21666"/>
                  </a:cubicBezTo>
                  <a:cubicBezTo>
                    <a:pt x="99248" y="20000"/>
                    <a:pt x="101954" y="17916"/>
                    <a:pt x="106466" y="17916"/>
                  </a:cubicBezTo>
                  <a:cubicBezTo>
                    <a:pt x="110977" y="17500"/>
                    <a:pt x="115488" y="19166"/>
                    <a:pt x="115488" y="21666"/>
                  </a:cubicBezTo>
                  <a:cubicBezTo>
                    <a:pt x="115488" y="53333"/>
                    <a:pt x="115488" y="53333"/>
                    <a:pt x="115488" y="53333"/>
                  </a:cubicBezTo>
                  <a:cubicBezTo>
                    <a:pt x="115488" y="58750"/>
                    <a:pt x="110075" y="63333"/>
                    <a:pt x="100150" y="65833"/>
                  </a:cubicBezTo>
                  <a:cubicBezTo>
                    <a:pt x="100150" y="66250"/>
                    <a:pt x="99248" y="66666"/>
                    <a:pt x="99248" y="67083"/>
                  </a:cubicBezTo>
                  <a:cubicBezTo>
                    <a:pt x="99248" y="76250"/>
                    <a:pt x="99248" y="76250"/>
                    <a:pt x="99248" y="76250"/>
                  </a:cubicBezTo>
                  <a:cubicBezTo>
                    <a:pt x="46015" y="76250"/>
                    <a:pt x="46015" y="76250"/>
                    <a:pt x="46015" y="76250"/>
                  </a:cubicBezTo>
                  <a:cubicBezTo>
                    <a:pt x="46015" y="67083"/>
                    <a:pt x="46015" y="67083"/>
                    <a:pt x="46015" y="67083"/>
                  </a:cubicBezTo>
                  <a:cubicBezTo>
                    <a:pt x="46015" y="66666"/>
                    <a:pt x="45112" y="66666"/>
                    <a:pt x="44210" y="66250"/>
                  </a:cubicBezTo>
                  <a:cubicBezTo>
                    <a:pt x="39699" y="65000"/>
                    <a:pt x="36090" y="63333"/>
                    <a:pt x="33383" y="61250"/>
                  </a:cubicBezTo>
                  <a:cubicBezTo>
                    <a:pt x="21654" y="52916"/>
                    <a:pt x="7218" y="38750"/>
                    <a:pt x="7218" y="38750"/>
                  </a:cubicBezTo>
                  <a:cubicBezTo>
                    <a:pt x="6315" y="38750"/>
                    <a:pt x="6315" y="38750"/>
                    <a:pt x="6315" y="38333"/>
                  </a:cubicBezTo>
                  <a:cubicBezTo>
                    <a:pt x="4511" y="37500"/>
                    <a:pt x="5413" y="35833"/>
                    <a:pt x="7218" y="350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108" name="Google Shape;554;p39"/>
          <p:cNvGrpSpPr/>
          <p:nvPr/>
        </p:nvGrpSpPr>
        <p:grpSpPr>
          <a:xfrm rot="10800000">
            <a:off x="57708" y="4383164"/>
            <a:ext cx="1488099" cy="1438821"/>
            <a:chOff x="6545263" y="855663"/>
            <a:chExt cx="2347900" cy="2270150"/>
          </a:xfrm>
        </p:grpSpPr>
        <p:sp>
          <p:nvSpPr>
            <p:cNvPr id="109" name="Google Shape;555;p39"/>
            <p:cNvSpPr/>
            <p:nvPr/>
          </p:nvSpPr>
          <p:spPr>
            <a:xfrm>
              <a:off x="6913563" y="2535238"/>
              <a:ext cx="1761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2727" y="0"/>
                  </a:moveTo>
                  <a:cubicBezTo>
                    <a:pt x="7272" y="0"/>
                    <a:pt x="7272" y="0"/>
                    <a:pt x="7272" y="0"/>
                  </a:cubicBezTo>
                  <a:cubicBezTo>
                    <a:pt x="3636" y="0"/>
                    <a:pt x="0" y="24000"/>
                    <a:pt x="0" y="48000"/>
                  </a:cubicBezTo>
                  <a:cubicBezTo>
                    <a:pt x="0" y="72000"/>
                    <a:pt x="3636" y="120000"/>
                    <a:pt x="7272" y="120000"/>
                  </a:cubicBezTo>
                  <a:cubicBezTo>
                    <a:pt x="112727" y="120000"/>
                    <a:pt x="112727" y="120000"/>
                    <a:pt x="112727" y="120000"/>
                  </a:cubicBezTo>
                  <a:cubicBezTo>
                    <a:pt x="116363" y="120000"/>
                    <a:pt x="120000" y="72000"/>
                    <a:pt x="120000" y="48000"/>
                  </a:cubicBezTo>
                  <a:cubicBezTo>
                    <a:pt x="120000" y="24000"/>
                    <a:pt x="116363" y="0"/>
                    <a:pt x="112727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0" name="Google Shape;556;p39"/>
            <p:cNvSpPr/>
            <p:nvPr/>
          </p:nvSpPr>
          <p:spPr>
            <a:xfrm>
              <a:off x="6913563" y="2636838"/>
              <a:ext cx="1761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2727" y="0"/>
                  </a:moveTo>
                  <a:cubicBezTo>
                    <a:pt x="7272" y="0"/>
                    <a:pt x="7272" y="0"/>
                    <a:pt x="7272" y="0"/>
                  </a:cubicBezTo>
                  <a:cubicBezTo>
                    <a:pt x="3636" y="0"/>
                    <a:pt x="0" y="24000"/>
                    <a:pt x="0" y="48000"/>
                  </a:cubicBezTo>
                  <a:cubicBezTo>
                    <a:pt x="0" y="96000"/>
                    <a:pt x="3636" y="120000"/>
                    <a:pt x="7272" y="120000"/>
                  </a:cubicBezTo>
                  <a:cubicBezTo>
                    <a:pt x="112727" y="120000"/>
                    <a:pt x="112727" y="120000"/>
                    <a:pt x="112727" y="120000"/>
                  </a:cubicBezTo>
                  <a:cubicBezTo>
                    <a:pt x="116363" y="120000"/>
                    <a:pt x="120000" y="96000"/>
                    <a:pt x="120000" y="48000"/>
                  </a:cubicBezTo>
                  <a:cubicBezTo>
                    <a:pt x="120000" y="24000"/>
                    <a:pt x="116363" y="0"/>
                    <a:pt x="112727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1" name="Google Shape;557;p39"/>
            <p:cNvSpPr/>
            <p:nvPr/>
          </p:nvSpPr>
          <p:spPr>
            <a:xfrm>
              <a:off x="6721475" y="2084388"/>
              <a:ext cx="1112700" cy="9603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0" y="1340"/>
                  </a:moveTo>
                  <a:cubicBezTo>
                    <a:pt x="0" y="2011"/>
                    <a:pt x="0" y="2011"/>
                    <a:pt x="0" y="2011"/>
                  </a:cubicBezTo>
                  <a:cubicBezTo>
                    <a:pt x="0" y="2011"/>
                    <a:pt x="0" y="2681"/>
                    <a:pt x="0" y="2681"/>
                  </a:cubicBezTo>
                  <a:cubicBezTo>
                    <a:pt x="0" y="118659"/>
                    <a:pt x="0" y="118659"/>
                    <a:pt x="0" y="118659"/>
                  </a:cubicBezTo>
                  <a:cubicBezTo>
                    <a:pt x="0" y="119329"/>
                    <a:pt x="576" y="120000"/>
                    <a:pt x="1153" y="120000"/>
                  </a:cubicBezTo>
                  <a:cubicBezTo>
                    <a:pt x="118269" y="120000"/>
                    <a:pt x="118269" y="120000"/>
                    <a:pt x="118269" y="120000"/>
                  </a:cubicBezTo>
                  <a:cubicBezTo>
                    <a:pt x="118846" y="120000"/>
                    <a:pt x="120000" y="119329"/>
                    <a:pt x="120000" y="118659"/>
                  </a:cubicBezTo>
                  <a:cubicBezTo>
                    <a:pt x="120000" y="2011"/>
                    <a:pt x="120000" y="2011"/>
                    <a:pt x="120000" y="2011"/>
                  </a:cubicBezTo>
                  <a:cubicBezTo>
                    <a:pt x="120000" y="670"/>
                    <a:pt x="118846" y="0"/>
                    <a:pt x="118269" y="0"/>
                  </a:cubicBezTo>
                  <a:cubicBezTo>
                    <a:pt x="40961" y="0"/>
                    <a:pt x="40961" y="0"/>
                    <a:pt x="40961" y="0"/>
                  </a:cubicBezTo>
                  <a:cubicBezTo>
                    <a:pt x="40961" y="3351"/>
                    <a:pt x="40961" y="3351"/>
                    <a:pt x="40961" y="3351"/>
                  </a:cubicBezTo>
                  <a:cubicBezTo>
                    <a:pt x="117115" y="3351"/>
                    <a:pt x="117115" y="3351"/>
                    <a:pt x="117115" y="3351"/>
                  </a:cubicBezTo>
                  <a:cubicBezTo>
                    <a:pt x="117115" y="116648"/>
                    <a:pt x="117115" y="116648"/>
                    <a:pt x="117115" y="116648"/>
                  </a:cubicBezTo>
                  <a:cubicBezTo>
                    <a:pt x="2884" y="116648"/>
                    <a:pt x="2884" y="116648"/>
                    <a:pt x="2884" y="116648"/>
                  </a:cubicBezTo>
                  <a:cubicBezTo>
                    <a:pt x="2884" y="3351"/>
                    <a:pt x="2884" y="3351"/>
                    <a:pt x="2884" y="3351"/>
                  </a:cubicBezTo>
                  <a:cubicBezTo>
                    <a:pt x="24230" y="3351"/>
                    <a:pt x="24230" y="3351"/>
                    <a:pt x="24230" y="3351"/>
                  </a:cubicBezTo>
                  <a:cubicBezTo>
                    <a:pt x="24230" y="0"/>
                    <a:pt x="24230" y="0"/>
                    <a:pt x="24230" y="0"/>
                  </a:cubicBezTo>
                  <a:cubicBezTo>
                    <a:pt x="1730" y="0"/>
                    <a:pt x="1730" y="0"/>
                    <a:pt x="1730" y="0"/>
                  </a:cubicBezTo>
                  <a:cubicBezTo>
                    <a:pt x="1153" y="0"/>
                    <a:pt x="576" y="670"/>
                    <a:pt x="0" y="134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2" name="Google Shape;558;p39"/>
            <p:cNvSpPr/>
            <p:nvPr/>
          </p:nvSpPr>
          <p:spPr>
            <a:xfrm>
              <a:off x="6913563" y="2740025"/>
              <a:ext cx="1761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2727" y="0"/>
                  </a:moveTo>
                  <a:cubicBezTo>
                    <a:pt x="7272" y="0"/>
                    <a:pt x="7272" y="0"/>
                    <a:pt x="7272" y="0"/>
                  </a:cubicBezTo>
                  <a:cubicBezTo>
                    <a:pt x="3636" y="0"/>
                    <a:pt x="0" y="24000"/>
                    <a:pt x="0" y="72000"/>
                  </a:cubicBezTo>
                  <a:cubicBezTo>
                    <a:pt x="0" y="96000"/>
                    <a:pt x="3636" y="120000"/>
                    <a:pt x="7272" y="120000"/>
                  </a:cubicBezTo>
                  <a:cubicBezTo>
                    <a:pt x="112727" y="120000"/>
                    <a:pt x="112727" y="120000"/>
                    <a:pt x="112727" y="120000"/>
                  </a:cubicBezTo>
                  <a:cubicBezTo>
                    <a:pt x="116363" y="120000"/>
                    <a:pt x="120000" y="96000"/>
                    <a:pt x="120000" y="72000"/>
                  </a:cubicBezTo>
                  <a:cubicBezTo>
                    <a:pt x="120000" y="24000"/>
                    <a:pt x="116363" y="0"/>
                    <a:pt x="112727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3" name="Google Shape;559;p39"/>
            <p:cNvSpPr/>
            <p:nvPr/>
          </p:nvSpPr>
          <p:spPr>
            <a:xfrm>
              <a:off x="7854950" y="2519363"/>
              <a:ext cx="96900" cy="969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20000" y="60000"/>
                  </a:moveTo>
                  <a:cubicBezTo>
                    <a:pt x="120000" y="26666"/>
                    <a:pt x="93333" y="0"/>
                    <a:pt x="60000" y="0"/>
                  </a:cubicBezTo>
                  <a:cubicBezTo>
                    <a:pt x="26666" y="0"/>
                    <a:pt x="0" y="26666"/>
                    <a:pt x="0" y="60000"/>
                  </a:cubicBezTo>
                  <a:cubicBezTo>
                    <a:pt x="0" y="93333"/>
                    <a:pt x="26666" y="120000"/>
                    <a:pt x="60000" y="120000"/>
                  </a:cubicBezTo>
                  <a:cubicBezTo>
                    <a:pt x="93333" y="120000"/>
                    <a:pt x="120000" y="93333"/>
                    <a:pt x="120000" y="60000"/>
                  </a:cubicBezTo>
                  <a:close/>
                  <a:moveTo>
                    <a:pt x="33333" y="60000"/>
                  </a:moveTo>
                  <a:cubicBezTo>
                    <a:pt x="33333" y="46666"/>
                    <a:pt x="46666" y="33333"/>
                    <a:pt x="60000" y="33333"/>
                  </a:cubicBezTo>
                  <a:cubicBezTo>
                    <a:pt x="80000" y="33333"/>
                    <a:pt x="86666" y="46666"/>
                    <a:pt x="86666" y="60000"/>
                  </a:cubicBezTo>
                  <a:cubicBezTo>
                    <a:pt x="86666" y="73333"/>
                    <a:pt x="80000" y="86666"/>
                    <a:pt x="60000" y="86666"/>
                  </a:cubicBezTo>
                  <a:cubicBezTo>
                    <a:pt x="46666" y="86666"/>
                    <a:pt x="33333" y="73333"/>
                    <a:pt x="33333" y="6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4" name="Google Shape;560;p39"/>
            <p:cNvSpPr/>
            <p:nvPr/>
          </p:nvSpPr>
          <p:spPr>
            <a:xfrm>
              <a:off x="6635750" y="2417763"/>
              <a:ext cx="27000" cy="300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0" y="6428"/>
                  </a:moveTo>
                  <a:cubicBezTo>
                    <a:pt x="0" y="113571"/>
                    <a:pt x="0" y="113571"/>
                    <a:pt x="0" y="113571"/>
                  </a:cubicBezTo>
                  <a:cubicBezTo>
                    <a:pt x="0" y="115714"/>
                    <a:pt x="24000" y="119999"/>
                    <a:pt x="48000" y="119999"/>
                  </a:cubicBezTo>
                  <a:cubicBezTo>
                    <a:pt x="72000" y="119999"/>
                    <a:pt x="120000" y="115714"/>
                    <a:pt x="120000" y="113571"/>
                  </a:cubicBezTo>
                  <a:cubicBezTo>
                    <a:pt x="120000" y="6428"/>
                    <a:pt x="120000" y="6428"/>
                    <a:pt x="120000" y="6428"/>
                  </a:cubicBezTo>
                  <a:cubicBezTo>
                    <a:pt x="120000" y="2142"/>
                    <a:pt x="72000" y="0"/>
                    <a:pt x="48000" y="0"/>
                  </a:cubicBezTo>
                  <a:cubicBezTo>
                    <a:pt x="24000" y="0"/>
                    <a:pt x="0" y="2142"/>
                    <a:pt x="0" y="6428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5" name="Google Shape;561;p39"/>
            <p:cNvSpPr/>
            <p:nvPr/>
          </p:nvSpPr>
          <p:spPr>
            <a:xfrm>
              <a:off x="7218363" y="2325688"/>
              <a:ext cx="444600" cy="4413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9638" y="112682"/>
                  </a:moveTo>
                  <a:cubicBezTo>
                    <a:pt x="89638" y="112682"/>
                    <a:pt x="89638" y="112682"/>
                    <a:pt x="89638" y="112682"/>
                  </a:cubicBezTo>
                  <a:cubicBezTo>
                    <a:pt x="89638" y="112682"/>
                    <a:pt x="89638" y="112682"/>
                    <a:pt x="89638" y="112682"/>
                  </a:cubicBezTo>
                  <a:cubicBezTo>
                    <a:pt x="106987" y="100975"/>
                    <a:pt x="119999" y="81951"/>
                    <a:pt x="119999" y="60000"/>
                  </a:cubicBezTo>
                  <a:cubicBezTo>
                    <a:pt x="119999" y="26341"/>
                    <a:pt x="92530" y="0"/>
                    <a:pt x="59277" y="0"/>
                  </a:cubicBezTo>
                  <a:cubicBezTo>
                    <a:pt x="56385" y="0"/>
                    <a:pt x="53493" y="0"/>
                    <a:pt x="50602" y="1463"/>
                  </a:cubicBezTo>
                  <a:cubicBezTo>
                    <a:pt x="50602" y="1463"/>
                    <a:pt x="50602" y="1463"/>
                    <a:pt x="50602" y="1463"/>
                  </a:cubicBezTo>
                  <a:cubicBezTo>
                    <a:pt x="50602" y="1463"/>
                    <a:pt x="50602" y="1463"/>
                    <a:pt x="50602" y="1463"/>
                  </a:cubicBezTo>
                  <a:cubicBezTo>
                    <a:pt x="21686" y="5853"/>
                    <a:pt x="0" y="30731"/>
                    <a:pt x="0" y="60000"/>
                  </a:cubicBezTo>
                  <a:cubicBezTo>
                    <a:pt x="0" y="93658"/>
                    <a:pt x="27469" y="120000"/>
                    <a:pt x="59277" y="120000"/>
                  </a:cubicBezTo>
                  <a:cubicBezTo>
                    <a:pt x="70843" y="120000"/>
                    <a:pt x="80963" y="117073"/>
                    <a:pt x="89638" y="112682"/>
                  </a:cubicBezTo>
                  <a:close/>
                  <a:moveTo>
                    <a:pt x="59277" y="7317"/>
                  </a:moveTo>
                  <a:cubicBezTo>
                    <a:pt x="88192" y="7317"/>
                    <a:pt x="112771" y="30731"/>
                    <a:pt x="112771" y="60000"/>
                  </a:cubicBezTo>
                  <a:cubicBezTo>
                    <a:pt x="112771" y="79024"/>
                    <a:pt x="102650" y="95121"/>
                    <a:pt x="88192" y="103902"/>
                  </a:cubicBezTo>
                  <a:cubicBezTo>
                    <a:pt x="63614" y="58536"/>
                    <a:pt x="63614" y="58536"/>
                    <a:pt x="63614" y="58536"/>
                  </a:cubicBezTo>
                  <a:cubicBezTo>
                    <a:pt x="54939" y="7317"/>
                    <a:pt x="54939" y="7317"/>
                    <a:pt x="54939" y="7317"/>
                  </a:cubicBezTo>
                  <a:cubicBezTo>
                    <a:pt x="56385" y="7317"/>
                    <a:pt x="57831" y="7317"/>
                    <a:pt x="59277" y="7317"/>
                  </a:cubicBezTo>
                  <a:close/>
                  <a:moveTo>
                    <a:pt x="47710" y="8780"/>
                  </a:moveTo>
                  <a:cubicBezTo>
                    <a:pt x="56385" y="57073"/>
                    <a:pt x="56385" y="57073"/>
                    <a:pt x="56385" y="57073"/>
                  </a:cubicBezTo>
                  <a:cubicBezTo>
                    <a:pt x="7228" y="57073"/>
                    <a:pt x="7228" y="57073"/>
                    <a:pt x="7228" y="57073"/>
                  </a:cubicBezTo>
                  <a:cubicBezTo>
                    <a:pt x="10120" y="33658"/>
                    <a:pt x="26024" y="14634"/>
                    <a:pt x="47710" y="8780"/>
                  </a:cubicBezTo>
                  <a:close/>
                  <a:moveTo>
                    <a:pt x="7228" y="64390"/>
                  </a:moveTo>
                  <a:cubicBezTo>
                    <a:pt x="57831" y="64390"/>
                    <a:pt x="57831" y="64390"/>
                    <a:pt x="57831" y="64390"/>
                  </a:cubicBezTo>
                  <a:cubicBezTo>
                    <a:pt x="82409" y="108292"/>
                    <a:pt x="82409" y="108292"/>
                    <a:pt x="82409" y="108292"/>
                  </a:cubicBezTo>
                  <a:cubicBezTo>
                    <a:pt x="75180" y="111219"/>
                    <a:pt x="67951" y="112682"/>
                    <a:pt x="59277" y="112682"/>
                  </a:cubicBezTo>
                  <a:cubicBezTo>
                    <a:pt x="31807" y="112682"/>
                    <a:pt x="10120" y="90731"/>
                    <a:pt x="7228" y="6439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6" name="Google Shape;562;p39"/>
            <p:cNvSpPr/>
            <p:nvPr/>
          </p:nvSpPr>
          <p:spPr>
            <a:xfrm>
              <a:off x="6550025" y="2005013"/>
              <a:ext cx="1465200" cy="11208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364" y="0"/>
                  </a:moveTo>
                  <a:cubicBezTo>
                    <a:pt x="45109" y="0"/>
                    <a:pt x="45109" y="0"/>
                    <a:pt x="45109" y="0"/>
                  </a:cubicBezTo>
                  <a:cubicBezTo>
                    <a:pt x="45109" y="2870"/>
                    <a:pt x="45109" y="2870"/>
                    <a:pt x="45109" y="2870"/>
                  </a:cubicBezTo>
                  <a:cubicBezTo>
                    <a:pt x="110364" y="2870"/>
                    <a:pt x="110364" y="2870"/>
                    <a:pt x="110364" y="2870"/>
                  </a:cubicBezTo>
                  <a:cubicBezTo>
                    <a:pt x="114306" y="2870"/>
                    <a:pt x="117810" y="7464"/>
                    <a:pt x="117810" y="12631"/>
                  </a:cubicBezTo>
                  <a:cubicBezTo>
                    <a:pt x="117810" y="107942"/>
                    <a:pt x="117810" y="107942"/>
                    <a:pt x="117810" y="107942"/>
                  </a:cubicBezTo>
                  <a:cubicBezTo>
                    <a:pt x="117810" y="113110"/>
                    <a:pt x="114306" y="117129"/>
                    <a:pt x="110364" y="117129"/>
                  </a:cubicBezTo>
                  <a:cubicBezTo>
                    <a:pt x="9635" y="117129"/>
                    <a:pt x="9635" y="117129"/>
                    <a:pt x="9635" y="117129"/>
                  </a:cubicBezTo>
                  <a:cubicBezTo>
                    <a:pt x="5693" y="117129"/>
                    <a:pt x="2189" y="113110"/>
                    <a:pt x="2189" y="107942"/>
                  </a:cubicBezTo>
                  <a:cubicBezTo>
                    <a:pt x="2627" y="12631"/>
                    <a:pt x="2627" y="12631"/>
                    <a:pt x="2627" y="12631"/>
                  </a:cubicBezTo>
                  <a:cubicBezTo>
                    <a:pt x="2627" y="7464"/>
                    <a:pt x="5693" y="2870"/>
                    <a:pt x="9635" y="2870"/>
                  </a:cubicBezTo>
                  <a:cubicBezTo>
                    <a:pt x="24525" y="2870"/>
                    <a:pt x="24525" y="2870"/>
                    <a:pt x="24525" y="2870"/>
                  </a:cubicBezTo>
                  <a:cubicBezTo>
                    <a:pt x="23649" y="2296"/>
                    <a:pt x="22773" y="1722"/>
                    <a:pt x="22335" y="0"/>
                  </a:cubicBezTo>
                  <a:cubicBezTo>
                    <a:pt x="9635" y="0"/>
                    <a:pt x="9635" y="0"/>
                    <a:pt x="9635" y="0"/>
                  </a:cubicBezTo>
                  <a:cubicBezTo>
                    <a:pt x="4379" y="0"/>
                    <a:pt x="437" y="5741"/>
                    <a:pt x="437" y="12631"/>
                  </a:cubicBezTo>
                  <a:cubicBezTo>
                    <a:pt x="0" y="107942"/>
                    <a:pt x="0" y="107942"/>
                    <a:pt x="0" y="107942"/>
                  </a:cubicBezTo>
                  <a:cubicBezTo>
                    <a:pt x="0" y="107942"/>
                    <a:pt x="0" y="107942"/>
                    <a:pt x="0" y="107942"/>
                  </a:cubicBezTo>
                  <a:cubicBezTo>
                    <a:pt x="0" y="114832"/>
                    <a:pt x="4379" y="119999"/>
                    <a:pt x="9635" y="119999"/>
                  </a:cubicBezTo>
                  <a:cubicBezTo>
                    <a:pt x="110364" y="119999"/>
                    <a:pt x="110364" y="119999"/>
                    <a:pt x="110364" y="119999"/>
                  </a:cubicBezTo>
                  <a:cubicBezTo>
                    <a:pt x="115620" y="119999"/>
                    <a:pt x="120000" y="114832"/>
                    <a:pt x="120000" y="107942"/>
                  </a:cubicBezTo>
                  <a:cubicBezTo>
                    <a:pt x="120000" y="12631"/>
                    <a:pt x="120000" y="12631"/>
                    <a:pt x="120000" y="12631"/>
                  </a:cubicBezTo>
                  <a:cubicBezTo>
                    <a:pt x="120000" y="5741"/>
                    <a:pt x="115620" y="0"/>
                    <a:pt x="110364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7" name="Google Shape;563;p39"/>
            <p:cNvSpPr/>
            <p:nvPr/>
          </p:nvSpPr>
          <p:spPr>
            <a:xfrm>
              <a:off x="8234363" y="2009775"/>
              <a:ext cx="658800" cy="5478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20000" y="65882"/>
                  </a:moveTo>
                  <a:cubicBezTo>
                    <a:pt x="120000" y="45882"/>
                    <a:pt x="106341" y="29411"/>
                    <a:pt x="89756" y="27058"/>
                  </a:cubicBezTo>
                  <a:cubicBezTo>
                    <a:pt x="89756" y="27058"/>
                    <a:pt x="89756" y="27058"/>
                    <a:pt x="89756" y="27058"/>
                  </a:cubicBezTo>
                  <a:cubicBezTo>
                    <a:pt x="89756" y="11764"/>
                    <a:pt x="80000" y="0"/>
                    <a:pt x="67317" y="0"/>
                  </a:cubicBezTo>
                  <a:cubicBezTo>
                    <a:pt x="22439" y="0"/>
                    <a:pt x="22439" y="0"/>
                    <a:pt x="22439" y="0"/>
                  </a:cubicBezTo>
                  <a:cubicBezTo>
                    <a:pt x="10731" y="0"/>
                    <a:pt x="0" y="11764"/>
                    <a:pt x="0" y="27058"/>
                  </a:cubicBezTo>
                  <a:cubicBezTo>
                    <a:pt x="0" y="117647"/>
                    <a:pt x="0" y="117647"/>
                    <a:pt x="0" y="117647"/>
                  </a:cubicBezTo>
                  <a:cubicBezTo>
                    <a:pt x="0" y="118823"/>
                    <a:pt x="975" y="120000"/>
                    <a:pt x="2926" y="120000"/>
                  </a:cubicBezTo>
                  <a:cubicBezTo>
                    <a:pt x="87804" y="120000"/>
                    <a:pt x="87804" y="120000"/>
                    <a:pt x="87804" y="120000"/>
                  </a:cubicBezTo>
                  <a:cubicBezTo>
                    <a:pt x="88780" y="120000"/>
                    <a:pt x="89756" y="118823"/>
                    <a:pt x="89756" y="117647"/>
                  </a:cubicBezTo>
                  <a:cubicBezTo>
                    <a:pt x="89756" y="104705"/>
                    <a:pt x="89756" y="104705"/>
                    <a:pt x="89756" y="104705"/>
                  </a:cubicBezTo>
                  <a:cubicBezTo>
                    <a:pt x="106341" y="103529"/>
                    <a:pt x="120000" y="87058"/>
                    <a:pt x="120000" y="65882"/>
                  </a:cubicBezTo>
                  <a:close/>
                  <a:moveTo>
                    <a:pt x="89756" y="48235"/>
                  </a:moveTo>
                  <a:cubicBezTo>
                    <a:pt x="96585" y="49411"/>
                    <a:pt x="102439" y="57647"/>
                    <a:pt x="102439" y="65882"/>
                  </a:cubicBezTo>
                  <a:cubicBezTo>
                    <a:pt x="102439" y="75294"/>
                    <a:pt x="96585" y="82352"/>
                    <a:pt x="89756" y="84705"/>
                  </a:cubicBezTo>
                  <a:lnTo>
                    <a:pt x="89756" y="48235"/>
                  </a:lnTo>
                  <a:close/>
                  <a:moveTo>
                    <a:pt x="22439" y="5882"/>
                  </a:moveTo>
                  <a:cubicBezTo>
                    <a:pt x="67317" y="5882"/>
                    <a:pt x="67317" y="5882"/>
                    <a:pt x="67317" y="5882"/>
                  </a:cubicBezTo>
                  <a:cubicBezTo>
                    <a:pt x="77073" y="5882"/>
                    <a:pt x="84878" y="15294"/>
                    <a:pt x="84878" y="27058"/>
                  </a:cubicBezTo>
                  <a:cubicBezTo>
                    <a:pt x="84878" y="114117"/>
                    <a:pt x="84878" y="114117"/>
                    <a:pt x="84878" y="114117"/>
                  </a:cubicBezTo>
                  <a:cubicBezTo>
                    <a:pt x="4878" y="114117"/>
                    <a:pt x="4878" y="114117"/>
                    <a:pt x="4878" y="114117"/>
                  </a:cubicBezTo>
                  <a:cubicBezTo>
                    <a:pt x="4878" y="27058"/>
                    <a:pt x="4878" y="27058"/>
                    <a:pt x="4878" y="27058"/>
                  </a:cubicBezTo>
                  <a:cubicBezTo>
                    <a:pt x="4878" y="15294"/>
                    <a:pt x="12682" y="5882"/>
                    <a:pt x="22439" y="5882"/>
                  </a:cubicBezTo>
                  <a:close/>
                  <a:moveTo>
                    <a:pt x="89756" y="98823"/>
                  </a:moveTo>
                  <a:cubicBezTo>
                    <a:pt x="89756" y="90588"/>
                    <a:pt x="89756" y="90588"/>
                    <a:pt x="89756" y="90588"/>
                  </a:cubicBezTo>
                  <a:cubicBezTo>
                    <a:pt x="99512" y="88235"/>
                    <a:pt x="107317" y="78823"/>
                    <a:pt x="107317" y="65882"/>
                  </a:cubicBezTo>
                  <a:cubicBezTo>
                    <a:pt x="107317" y="54117"/>
                    <a:pt x="99512" y="43529"/>
                    <a:pt x="89756" y="42352"/>
                  </a:cubicBezTo>
                  <a:cubicBezTo>
                    <a:pt x="89756" y="32941"/>
                    <a:pt x="89756" y="32941"/>
                    <a:pt x="89756" y="32941"/>
                  </a:cubicBezTo>
                  <a:cubicBezTo>
                    <a:pt x="104390" y="35294"/>
                    <a:pt x="115121" y="49411"/>
                    <a:pt x="115121" y="65882"/>
                  </a:cubicBezTo>
                  <a:cubicBezTo>
                    <a:pt x="115121" y="83529"/>
                    <a:pt x="104390" y="97647"/>
                    <a:pt x="89756" y="988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8" name="Google Shape;564;p39"/>
            <p:cNvSpPr/>
            <p:nvPr/>
          </p:nvSpPr>
          <p:spPr>
            <a:xfrm>
              <a:off x="8320088" y="2133600"/>
              <a:ext cx="27000" cy="3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48000" y="120000"/>
                  </a:moveTo>
                  <a:cubicBezTo>
                    <a:pt x="72000" y="120000"/>
                    <a:pt x="120000" y="118032"/>
                    <a:pt x="120000" y="116065"/>
                  </a:cubicBezTo>
                  <a:cubicBezTo>
                    <a:pt x="120000" y="5901"/>
                    <a:pt x="120000" y="5901"/>
                    <a:pt x="120000" y="5901"/>
                  </a:cubicBezTo>
                  <a:cubicBezTo>
                    <a:pt x="120000" y="1967"/>
                    <a:pt x="72000" y="0"/>
                    <a:pt x="48000" y="0"/>
                  </a:cubicBezTo>
                  <a:cubicBezTo>
                    <a:pt x="24000" y="0"/>
                    <a:pt x="0" y="1967"/>
                    <a:pt x="0" y="5901"/>
                  </a:cubicBezTo>
                  <a:cubicBezTo>
                    <a:pt x="0" y="116065"/>
                    <a:pt x="0" y="116065"/>
                    <a:pt x="0" y="116065"/>
                  </a:cubicBezTo>
                  <a:cubicBezTo>
                    <a:pt x="0" y="118032"/>
                    <a:pt x="24000" y="120000"/>
                    <a:pt x="48000" y="1200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9" name="Google Shape;565;p39"/>
            <p:cNvSpPr/>
            <p:nvPr/>
          </p:nvSpPr>
          <p:spPr>
            <a:xfrm>
              <a:off x="8389938" y="2620963"/>
              <a:ext cx="81000" cy="4302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0000" y="19500"/>
                  </a:moveTo>
                  <a:cubicBezTo>
                    <a:pt x="96000" y="16500"/>
                    <a:pt x="120000" y="12000"/>
                    <a:pt x="120000" y="3000"/>
                  </a:cubicBezTo>
                  <a:cubicBezTo>
                    <a:pt x="120000" y="1500"/>
                    <a:pt x="112000" y="0"/>
                    <a:pt x="104000" y="0"/>
                  </a:cubicBezTo>
                  <a:cubicBezTo>
                    <a:pt x="96000" y="0"/>
                    <a:pt x="80000" y="1500"/>
                    <a:pt x="80000" y="3000"/>
                  </a:cubicBezTo>
                  <a:cubicBezTo>
                    <a:pt x="80000" y="9000"/>
                    <a:pt x="72000" y="10500"/>
                    <a:pt x="48000" y="15000"/>
                  </a:cubicBezTo>
                  <a:cubicBezTo>
                    <a:pt x="32000" y="18000"/>
                    <a:pt x="0" y="22500"/>
                    <a:pt x="0" y="31500"/>
                  </a:cubicBezTo>
                  <a:cubicBezTo>
                    <a:pt x="0" y="40500"/>
                    <a:pt x="32000" y="45000"/>
                    <a:pt x="48000" y="48000"/>
                  </a:cubicBezTo>
                  <a:cubicBezTo>
                    <a:pt x="72000" y="51000"/>
                    <a:pt x="80000" y="54000"/>
                    <a:pt x="80000" y="60000"/>
                  </a:cubicBezTo>
                  <a:cubicBezTo>
                    <a:pt x="80000" y="64500"/>
                    <a:pt x="72000" y="67500"/>
                    <a:pt x="48000" y="70500"/>
                  </a:cubicBezTo>
                  <a:cubicBezTo>
                    <a:pt x="32000" y="75000"/>
                    <a:pt x="0" y="79500"/>
                    <a:pt x="0" y="87000"/>
                  </a:cubicBezTo>
                  <a:cubicBezTo>
                    <a:pt x="0" y="96000"/>
                    <a:pt x="32000" y="100500"/>
                    <a:pt x="48000" y="105000"/>
                  </a:cubicBezTo>
                  <a:cubicBezTo>
                    <a:pt x="72000" y="108000"/>
                    <a:pt x="80000" y="111000"/>
                    <a:pt x="80000" y="115500"/>
                  </a:cubicBezTo>
                  <a:cubicBezTo>
                    <a:pt x="80000" y="118500"/>
                    <a:pt x="96000" y="120000"/>
                    <a:pt x="104000" y="120000"/>
                  </a:cubicBezTo>
                  <a:cubicBezTo>
                    <a:pt x="112000" y="120000"/>
                    <a:pt x="120000" y="118500"/>
                    <a:pt x="120000" y="115500"/>
                  </a:cubicBezTo>
                  <a:cubicBezTo>
                    <a:pt x="120000" y="106500"/>
                    <a:pt x="96000" y="102000"/>
                    <a:pt x="80000" y="99000"/>
                  </a:cubicBezTo>
                  <a:cubicBezTo>
                    <a:pt x="56000" y="96000"/>
                    <a:pt x="40000" y="93000"/>
                    <a:pt x="40000" y="87000"/>
                  </a:cubicBezTo>
                  <a:cubicBezTo>
                    <a:pt x="40000" y="82500"/>
                    <a:pt x="56000" y="79500"/>
                    <a:pt x="80000" y="76500"/>
                  </a:cubicBezTo>
                  <a:cubicBezTo>
                    <a:pt x="96000" y="72000"/>
                    <a:pt x="120000" y="67500"/>
                    <a:pt x="120000" y="60000"/>
                  </a:cubicBezTo>
                  <a:cubicBezTo>
                    <a:pt x="120000" y="51000"/>
                    <a:pt x="96000" y="46500"/>
                    <a:pt x="80000" y="42000"/>
                  </a:cubicBezTo>
                  <a:cubicBezTo>
                    <a:pt x="56000" y="39000"/>
                    <a:pt x="40000" y="36000"/>
                    <a:pt x="40000" y="31500"/>
                  </a:cubicBezTo>
                  <a:cubicBezTo>
                    <a:pt x="40000" y="25500"/>
                    <a:pt x="56000" y="24000"/>
                    <a:pt x="80000" y="195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0" name="Google Shape;566;p39"/>
            <p:cNvSpPr/>
            <p:nvPr/>
          </p:nvSpPr>
          <p:spPr>
            <a:xfrm>
              <a:off x="8518525" y="2620963"/>
              <a:ext cx="58800" cy="2589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20000" y="5000"/>
                  </a:moveTo>
                  <a:cubicBezTo>
                    <a:pt x="120000" y="2500"/>
                    <a:pt x="109090" y="0"/>
                    <a:pt x="98181" y="0"/>
                  </a:cubicBezTo>
                  <a:cubicBezTo>
                    <a:pt x="87272" y="0"/>
                    <a:pt x="65454" y="2500"/>
                    <a:pt x="65454" y="5000"/>
                  </a:cubicBezTo>
                  <a:cubicBezTo>
                    <a:pt x="65454" y="12500"/>
                    <a:pt x="54545" y="15000"/>
                    <a:pt x="43636" y="20000"/>
                  </a:cubicBezTo>
                  <a:cubicBezTo>
                    <a:pt x="21818" y="25000"/>
                    <a:pt x="0" y="30000"/>
                    <a:pt x="0" y="42500"/>
                  </a:cubicBezTo>
                  <a:cubicBezTo>
                    <a:pt x="0" y="52500"/>
                    <a:pt x="21818" y="60000"/>
                    <a:pt x="43636" y="62500"/>
                  </a:cubicBezTo>
                  <a:cubicBezTo>
                    <a:pt x="54545" y="67500"/>
                    <a:pt x="65454" y="70000"/>
                    <a:pt x="65454" y="77500"/>
                  </a:cubicBezTo>
                  <a:cubicBezTo>
                    <a:pt x="65454" y="85000"/>
                    <a:pt x="54545" y="87500"/>
                    <a:pt x="43636" y="92500"/>
                  </a:cubicBezTo>
                  <a:cubicBezTo>
                    <a:pt x="21818" y="95000"/>
                    <a:pt x="0" y="102500"/>
                    <a:pt x="0" y="112500"/>
                  </a:cubicBezTo>
                  <a:cubicBezTo>
                    <a:pt x="0" y="117500"/>
                    <a:pt x="10909" y="120000"/>
                    <a:pt x="21818" y="120000"/>
                  </a:cubicBezTo>
                  <a:cubicBezTo>
                    <a:pt x="43636" y="120000"/>
                    <a:pt x="54545" y="117500"/>
                    <a:pt x="54545" y="112500"/>
                  </a:cubicBezTo>
                  <a:cubicBezTo>
                    <a:pt x="54545" y="107500"/>
                    <a:pt x="65454" y="105000"/>
                    <a:pt x="76363" y="100000"/>
                  </a:cubicBezTo>
                  <a:cubicBezTo>
                    <a:pt x="98181" y="95000"/>
                    <a:pt x="120000" y="90000"/>
                    <a:pt x="120000" y="77500"/>
                  </a:cubicBezTo>
                  <a:cubicBezTo>
                    <a:pt x="120000" y="65000"/>
                    <a:pt x="98181" y="60000"/>
                    <a:pt x="76363" y="55000"/>
                  </a:cubicBezTo>
                  <a:cubicBezTo>
                    <a:pt x="65454" y="50000"/>
                    <a:pt x="54545" y="47500"/>
                    <a:pt x="54545" y="42500"/>
                  </a:cubicBezTo>
                  <a:cubicBezTo>
                    <a:pt x="54545" y="35000"/>
                    <a:pt x="65454" y="32500"/>
                    <a:pt x="76363" y="27500"/>
                  </a:cubicBezTo>
                  <a:cubicBezTo>
                    <a:pt x="98181" y="22500"/>
                    <a:pt x="120000" y="17500"/>
                    <a:pt x="120000" y="500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1" name="Google Shape;567;p39"/>
            <p:cNvSpPr/>
            <p:nvPr/>
          </p:nvSpPr>
          <p:spPr>
            <a:xfrm>
              <a:off x="6545263" y="855663"/>
              <a:ext cx="765300" cy="14445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3076" y="44609"/>
                  </a:moveTo>
                  <a:cubicBezTo>
                    <a:pt x="91468" y="44609"/>
                    <a:pt x="91468" y="44609"/>
                    <a:pt x="91468" y="44609"/>
                  </a:cubicBezTo>
                  <a:cubicBezTo>
                    <a:pt x="93146" y="44609"/>
                    <a:pt x="93986" y="44163"/>
                    <a:pt x="93986" y="43271"/>
                  </a:cubicBezTo>
                  <a:cubicBezTo>
                    <a:pt x="93986" y="0"/>
                    <a:pt x="93986" y="0"/>
                    <a:pt x="93986" y="0"/>
                  </a:cubicBezTo>
                  <a:cubicBezTo>
                    <a:pt x="89790" y="0"/>
                    <a:pt x="89790" y="0"/>
                    <a:pt x="89790" y="0"/>
                  </a:cubicBezTo>
                  <a:cubicBezTo>
                    <a:pt x="89790" y="42379"/>
                    <a:pt x="89790" y="42379"/>
                    <a:pt x="89790" y="42379"/>
                  </a:cubicBezTo>
                  <a:cubicBezTo>
                    <a:pt x="79720" y="42379"/>
                    <a:pt x="79720" y="42379"/>
                    <a:pt x="79720" y="42379"/>
                  </a:cubicBezTo>
                  <a:cubicBezTo>
                    <a:pt x="78881" y="42379"/>
                    <a:pt x="78881" y="42379"/>
                    <a:pt x="78881" y="42379"/>
                  </a:cubicBezTo>
                  <a:cubicBezTo>
                    <a:pt x="17622" y="42379"/>
                    <a:pt x="17622" y="42379"/>
                    <a:pt x="17622" y="42379"/>
                  </a:cubicBezTo>
                  <a:cubicBezTo>
                    <a:pt x="17622" y="42379"/>
                    <a:pt x="16783" y="42379"/>
                    <a:pt x="16783" y="42379"/>
                  </a:cubicBezTo>
                  <a:cubicBezTo>
                    <a:pt x="4195" y="42379"/>
                    <a:pt x="4195" y="42379"/>
                    <a:pt x="4195" y="42379"/>
                  </a:cubicBezTo>
                  <a:cubicBezTo>
                    <a:pt x="4195" y="0"/>
                    <a:pt x="4195" y="0"/>
                    <a:pt x="4195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3271"/>
                    <a:pt x="0" y="43271"/>
                    <a:pt x="0" y="43271"/>
                  </a:cubicBezTo>
                  <a:cubicBezTo>
                    <a:pt x="0" y="44163"/>
                    <a:pt x="839" y="44609"/>
                    <a:pt x="2517" y="44609"/>
                  </a:cubicBezTo>
                  <a:cubicBezTo>
                    <a:pt x="15104" y="44609"/>
                    <a:pt x="15104" y="44609"/>
                    <a:pt x="15104" y="44609"/>
                  </a:cubicBezTo>
                  <a:cubicBezTo>
                    <a:pt x="5034" y="63345"/>
                    <a:pt x="5034" y="63345"/>
                    <a:pt x="5034" y="63345"/>
                  </a:cubicBezTo>
                  <a:cubicBezTo>
                    <a:pt x="3356" y="66468"/>
                    <a:pt x="1678" y="70037"/>
                    <a:pt x="1678" y="73605"/>
                  </a:cubicBezTo>
                  <a:cubicBezTo>
                    <a:pt x="1678" y="84758"/>
                    <a:pt x="1678" y="84758"/>
                    <a:pt x="1678" y="84758"/>
                  </a:cubicBezTo>
                  <a:cubicBezTo>
                    <a:pt x="1678" y="88327"/>
                    <a:pt x="7552" y="91003"/>
                    <a:pt x="14265" y="91003"/>
                  </a:cubicBezTo>
                  <a:cubicBezTo>
                    <a:pt x="22657" y="91003"/>
                    <a:pt x="22657" y="91003"/>
                    <a:pt x="22657" y="91003"/>
                  </a:cubicBezTo>
                  <a:cubicBezTo>
                    <a:pt x="23496" y="93234"/>
                    <a:pt x="26853" y="94572"/>
                    <a:pt x="31048" y="94572"/>
                  </a:cubicBezTo>
                  <a:cubicBezTo>
                    <a:pt x="42797" y="94572"/>
                    <a:pt x="42797" y="94572"/>
                    <a:pt x="42797" y="94572"/>
                  </a:cubicBezTo>
                  <a:cubicBezTo>
                    <a:pt x="43636" y="96802"/>
                    <a:pt x="46993" y="98141"/>
                    <a:pt x="51188" y="98141"/>
                  </a:cubicBezTo>
                  <a:cubicBezTo>
                    <a:pt x="62937" y="98141"/>
                    <a:pt x="62937" y="98141"/>
                    <a:pt x="62937" y="98141"/>
                  </a:cubicBezTo>
                  <a:cubicBezTo>
                    <a:pt x="62937" y="113308"/>
                    <a:pt x="62937" y="113308"/>
                    <a:pt x="62937" y="113308"/>
                  </a:cubicBezTo>
                  <a:cubicBezTo>
                    <a:pt x="62937" y="116877"/>
                    <a:pt x="67972" y="120000"/>
                    <a:pt x="74685" y="120000"/>
                  </a:cubicBezTo>
                  <a:cubicBezTo>
                    <a:pt x="82237" y="120000"/>
                    <a:pt x="87272" y="116877"/>
                    <a:pt x="87272" y="113308"/>
                  </a:cubicBezTo>
                  <a:cubicBezTo>
                    <a:pt x="87272" y="74498"/>
                    <a:pt x="87272" y="74498"/>
                    <a:pt x="87272" y="74498"/>
                  </a:cubicBezTo>
                  <a:cubicBezTo>
                    <a:pt x="101538" y="81189"/>
                    <a:pt x="101538" y="81189"/>
                    <a:pt x="101538" y="81189"/>
                  </a:cubicBezTo>
                  <a:cubicBezTo>
                    <a:pt x="105734" y="82973"/>
                    <a:pt x="111608" y="82973"/>
                    <a:pt x="115804" y="80743"/>
                  </a:cubicBezTo>
                  <a:cubicBezTo>
                    <a:pt x="119160" y="78959"/>
                    <a:pt x="120000" y="75836"/>
                    <a:pt x="116643" y="74052"/>
                  </a:cubicBezTo>
                  <a:cubicBezTo>
                    <a:pt x="115804" y="72713"/>
                    <a:pt x="93986" y="53085"/>
                    <a:pt x="83076" y="44609"/>
                  </a:cubicBezTo>
                  <a:close/>
                  <a:moveTo>
                    <a:pt x="112447" y="79405"/>
                  </a:moveTo>
                  <a:cubicBezTo>
                    <a:pt x="110769" y="80297"/>
                    <a:pt x="106573" y="80297"/>
                    <a:pt x="104895" y="79405"/>
                  </a:cubicBezTo>
                  <a:cubicBezTo>
                    <a:pt x="86433" y="71375"/>
                    <a:pt x="86433" y="71375"/>
                    <a:pt x="86433" y="71375"/>
                  </a:cubicBezTo>
                  <a:cubicBezTo>
                    <a:pt x="85594" y="70929"/>
                    <a:pt x="84755" y="70929"/>
                    <a:pt x="84755" y="70929"/>
                  </a:cubicBezTo>
                  <a:cubicBezTo>
                    <a:pt x="83916" y="71375"/>
                    <a:pt x="83076" y="71375"/>
                    <a:pt x="83076" y="71821"/>
                  </a:cubicBezTo>
                  <a:cubicBezTo>
                    <a:pt x="83076" y="113308"/>
                    <a:pt x="83076" y="113308"/>
                    <a:pt x="83076" y="113308"/>
                  </a:cubicBezTo>
                  <a:cubicBezTo>
                    <a:pt x="83076" y="115539"/>
                    <a:pt x="79720" y="117769"/>
                    <a:pt x="74685" y="117769"/>
                  </a:cubicBezTo>
                  <a:cubicBezTo>
                    <a:pt x="70489" y="117769"/>
                    <a:pt x="67132" y="115539"/>
                    <a:pt x="67132" y="113308"/>
                  </a:cubicBezTo>
                  <a:cubicBezTo>
                    <a:pt x="67132" y="86542"/>
                    <a:pt x="67132" y="86542"/>
                    <a:pt x="67132" y="86542"/>
                  </a:cubicBezTo>
                  <a:cubicBezTo>
                    <a:pt x="67132" y="85650"/>
                    <a:pt x="66293" y="85204"/>
                    <a:pt x="64615" y="85204"/>
                  </a:cubicBezTo>
                  <a:cubicBezTo>
                    <a:pt x="63776" y="85204"/>
                    <a:pt x="62937" y="85650"/>
                    <a:pt x="62937" y="86542"/>
                  </a:cubicBezTo>
                  <a:cubicBezTo>
                    <a:pt x="62937" y="95910"/>
                    <a:pt x="62937" y="95910"/>
                    <a:pt x="62937" y="95910"/>
                  </a:cubicBezTo>
                  <a:cubicBezTo>
                    <a:pt x="51188" y="95910"/>
                    <a:pt x="51188" y="95910"/>
                    <a:pt x="51188" y="95910"/>
                  </a:cubicBezTo>
                  <a:cubicBezTo>
                    <a:pt x="48671" y="95910"/>
                    <a:pt x="46993" y="95018"/>
                    <a:pt x="46993" y="93680"/>
                  </a:cubicBezTo>
                  <a:cubicBezTo>
                    <a:pt x="46993" y="86542"/>
                    <a:pt x="46993" y="86542"/>
                    <a:pt x="46993" y="86542"/>
                  </a:cubicBezTo>
                  <a:cubicBezTo>
                    <a:pt x="46993" y="85650"/>
                    <a:pt x="46153" y="85204"/>
                    <a:pt x="44475" y="85204"/>
                  </a:cubicBezTo>
                  <a:cubicBezTo>
                    <a:pt x="43636" y="85204"/>
                    <a:pt x="42797" y="85650"/>
                    <a:pt x="42797" y="86542"/>
                  </a:cubicBezTo>
                  <a:cubicBezTo>
                    <a:pt x="42797" y="92342"/>
                    <a:pt x="42797" y="92342"/>
                    <a:pt x="42797" y="92342"/>
                  </a:cubicBezTo>
                  <a:cubicBezTo>
                    <a:pt x="31048" y="92342"/>
                    <a:pt x="31048" y="92342"/>
                    <a:pt x="31048" y="92342"/>
                  </a:cubicBezTo>
                  <a:cubicBezTo>
                    <a:pt x="28531" y="92342"/>
                    <a:pt x="26853" y="91449"/>
                    <a:pt x="26853" y="90111"/>
                  </a:cubicBezTo>
                  <a:cubicBezTo>
                    <a:pt x="26853" y="82973"/>
                    <a:pt x="26853" y="82973"/>
                    <a:pt x="26853" y="82973"/>
                  </a:cubicBezTo>
                  <a:cubicBezTo>
                    <a:pt x="26853" y="82081"/>
                    <a:pt x="25174" y="81635"/>
                    <a:pt x="24335" y="81635"/>
                  </a:cubicBezTo>
                  <a:cubicBezTo>
                    <a:pt x="23496" y="81635"/>
                    <a:pt x="22657" y="82081"/>
                    <a:pt x="22657" y="82973"/>
                  </a:cubicBezTo>
                  <a:cubicBezTo>
                    <a:pt x="22657" y="88773"/>
                    <a:pt x="22657" y="88773"/>
                    <a:pt x="22657" y="88773"/>
                  </a:cubicBezTo>
                  <a:cubicBezTo>
                    <a:pt x="14265" y="88773"/>
                    <a:pt x="14265" y="88773"/>
                    <a:pt x="14265" y="88773"/>
                  </a:cubicBezTo>
                  <a:cubicBezTo>
                    <a:pt x="10069" y="88773"/>
                    <a:pt x="5874" y="86988"/>
                    <a:pt x="5874" y="84758"/>
                  </a:cubicBezTo>
                  <a:cubicBezTo>
                    <a:pt x="5874" y="73605"/>
                    <a:pt x="5874" y="73605"/>
                    <a:pt x="5874" y="73605"/>
                  </a:cubicBezTo>
                  <a:cubicBezTo>
                    <a:pt x="5874" y="70037"/>
                    <a:pt x="6713" y="66914"/>
                    <a:pt x="8391" y="63791"/>
                  </a:cubicBezTo>
                  <a:cubicBezTo>
                    <a:pt x="19300" y="44609"/>
                    <a:pt x="19300" y="44609"/>
                    <a:pt x="19300" y="44609"/>
                  </a:cubicBezTo>
                  <a:cubicBezTo>
                    <a:pt x="78041" y="44609"/>
                    <a:pt x="78041" y="44609"/>
                    <a:pt x="78041" y="44609"/>
                  </a:cubicBezTo>
                  <a:cubicBezTo>
                    <a:pt x="88111" y="52193"/>
                    <a:pt x="113286" y="74944"/>
                    <a:pt x="113286" y="74944"/>
                  </a:cubicBezTo>
                  <a:cubicBezTo>
                    <a:pt x="113286" y="74944"/>
                    <a:pt x="113286" y="74944"/>
                    <a:pt x="113286" y="74944"/>
                  </a:cubicBezTo>
                  <a:cubicBezTo>
                    <a:pt x="114965" y="76282"/>
                    <a:pt x="114965" y="78066"/>
                    <a:pt x="112447" y="79405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122" name="Google Shape;530;p39"/>
          <p:cNvGrpSpPr/>
          <p:nvPr/>
        </p:nvGrpSpPr>
        <p:grpSpPr>
          <a:xfrm>
            <a:off x="5045330" y="4693077"/>
            <a:ext cx="1362282" cy="1180199"/>
            <a:chOff x="3305175" y="4144963"/>
            <a:chExt cx="2149388" cy="1862100"/>
          </a:xfrm>
        </p:grpSpPr>
        <p:sp>
          <p:nvSpPr>
            <p:cNvPr id="123" name="Google Shape;531;p39"/>
            <p:cNvSpPr/>
            <p:nvPr/>
          </p:nvSpPr>
          <p:spPr>
            <a:xfrm>
              <a:off x="5224463" y="4338638"/>
              <a:ext cx="230100" cy="155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20000" y="41379"/>
                  </a:moveTo>
                  <a:cubicBezTo>
                    <a:pt x="120000" y="20689"/>
                    <a:pt x="108837" y="0"/>
                    <a:pt x="94883" y="0"/>
                  </a:cubicBezTo>
                  <a:cubicBezTo>
                    <a:pt x="50232" y="0"/>
                    <a:pt x="50232" y="0"/>
                    <a:pt x="5023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20689"/>
                    <a:pt x="0" y="20689"/>
                    <a:pt x="0" y="20689"/>
                  </a:cubicBezTo>
                  <a:cubicBezTo>
                    <a:pt x="41860" y="20689"/>
                    <a:pt x="41860" y="20689"/>
                    <a:pt x="41860" y="20689"/>
                  </a:cubicBezTo>
                  <a:cubicBezTo>
                    <a:pt x="41860" y="49655"/>
                    <a:pt x="41860" y="49655"/>
                    <a:pt x="41860" y="49655"/>
                  </a:cubicBezTo>
                  <a:cubicBezTo>
                    <a:pt x="0" y="49655"/>
                    <a:pt x="0" y="49655"/>
                    <a:pt x="0" y="49655"/>
                  </a:cubicBezTo>
                  <a:cubicBezTo>
                    <a:pt x="0" y="70344"/>
                    <a:pt x="0" y="70344"/>
                    <a:pt x="0" y="70344"/>
                  </a:cubicBezTo>
                  <a:cubicBezTo>
                    <a:pt x="41860" y="70344"/>
                    <a:pt x="41860" y="70344"/>
                    <a:pt x="41860" y="70344"/>
                  </a:cubicBezTo>
                  <a:cubicBezTo>
                    <a:pt x="41860" y="99310"/>
                    <a:pt x="41860" y="99310"/>
                    <a:pt x="41860" y="99310"/>
                  </a:cubicBezTo>
                  <a:cubicBezTo>
                    <a:pt x="0" y="99310"/>
                    <a:pt x="0" y="99310"/>
                    <a:pt x="0" y="99310"/>
                  </a:cubicBezTo>
                  <a:cubicBezTo>
                    <a:pt x="0" y="120000"/>
                    <a:pt x="0" y="120000"/>
                    <a:pt x="0" y="120000"/>
                  </a:cubicBezTo>
                  <a:cubicBezTo>
                    <a:pt x="50232" y="120000"/>
                    <a:pt x="50232" y="120000"/>
                    <a:pt x="50232" y="120000"/>
                  </a:cubicBezTo>
                  <a:cubicBezTo>
                    <a:pt x="94883" y="120000"/>
                    <a:pt x="94883" y="120000"/>
                    <a:pt x="94883" y="120000"/>
                  </a:cubicBezTo>
                  <a:cubicBezTo>
                    <a:pt x="94883" y="120000"/>
                    <a:pt x="94883" y="120000"/>
                    <a:pt x="94883" y="120000"/>
                  </a:cubicBezTo>
                  <a:cubicBezTo>
                    <a:pt x="100465" y="120000"/>
                    <a:pt x="108837" y="115862"/>
                    <a:pt x="114418" y="107586"/>
                  </a:cubicBezTo>
                  <a:cubicBezTo>
                    <a:pt x="117209" y="99310"/>
                    <a:pt x="120000" y="86896"/>
                    <a:pt x="120000" y="78620"/>
                  </a:cubicBezTo>
                  <a:lnTo>
                    <a:pt x="120000" y="41379"/>
                  </a:lnTo>
                  <a:close/>
                  <a:moveTo>
                    <a:pt x="64186" y="99310"/>
                  </a:moveTo>
                  <a:cubicBezTo>
                    <a:pt x="55813" y="99310"/>
                    <a:pt x="55813" y="99310"/>
                    <a:pt x="55813" y="99310"/>
                  </a:cubicBezTo>
                  <a:cubicBezTo>
                    <a:pt x="55813" y="20689"/>
                    <a:pt x="55813" y="20689"/>
                    <a:pt x="55813" y="20689"/>
                  </a:cubicBezTo>
                  <a:cubicBezTo>
                    <a:pt x="64186" y="20689"/>
                    <a:pt x="64186" y="20689"/>
                    <a:pt x="64186" y="20689"/>
                  </a:cubicBezTo>
                  <a:lnTo>
                    <a:pt x="64186" y="99310"/>
                  </a:lnTo>
                  <a:close/>
                  <a:moveTo>
                    <a:pt x="103255" y="91034"/>
                  </a:moveTo>
                  <a:cubicBezTo>
                    <a:pt x="100465" y="95172"/>
                    <a:pt x="97674" y="99310"/>
                    <a:pt x="94883" y="99310"/>
                  </a:cubicBezTo>
                  <a:cubicBezTo>
                    <a:pt x="94883" y="99310"/>
                    <a:pt x="94883" y="99310"/>
                    <a:pt x="94883" y="99310"/>
                  </a:cubicBezTo>
                  <a:cubicBezTo>
                    <a:pt x="78139" y="99310"/>
                    <a:pt x="78139" y="99310"/>
                    <a:pt x="78139" y="99310"/>
                  </a:cubicBezTo>
                  <a:cubicBezTo>
                    <a:pt x="78139" y="20689"/>
                    <a:pt x="78139" y="20689"/>
                    <a:pt x="78139" y="20689"/>
                  </a:cubicBezTo>
                  <a:cubicBezTo>
                    <a:pt x="94883" y="20689"/>
                    <a:pt x="94883" y="20689"/>
                    <a:pt x="94883" y="20689"/>
                  </a:cubicBezTo>
                  <a:cubicBezTo>
                    <a:pt x="100465" y="20689"/>
                    <a:pt x="106046" y="33103"/>
                    <a:pt x="106046" y="41379"/>
                  </a:cubicBezTo>
                  <a:cubicBezTo>
                    <a:pt x="106046" y="78620"/>
                    <a:pt x="106046" y="78620"/>
                    <a:pt x="106046" y="78620"/>
                  </a:cubicBezTo>
                  <a:cubicBezTo>
                    <a:pt x="106046" y="82758"/>
                    <a:pt x="106046" y="86896"/>
                    <a:pt x="103255" y="91034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4" name="Google Shape;532;p39"/>
            <p:cNvSpPr/>
            <p:nvPr/>
          </p:nvSpPr>
          <p:spPr>
            <a:xfrm>
              <a:off x="4395788" y="4338638"/>
              <a:ext cx="347700" cy="155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42461" y="4137"/>
                  </a:moveTo>
                  <a:cubicBezTo>
                    <a:pt x="1846" y="49655"/>
                    <a:pt x="1846" y="49655"/>
                    <a:pt x="1846" y="49655"/>
                  </a:cubicBezTo>
                  <a:cubicBezTo>
                    <a:pt x="0" y="53793"/>
                    <a:pt x="0" y="57931"/>
                    <a:pt x="0" y="62068"/>
                  </a:cubicBezTo>
                  <a:cubicBezTo>
                    <a:pt x="0" y="62068"/>
                    <a:pt x="0" y="66206"/>
                    <a:pt x="1846" y="70344"/>
                  </a:cubicBezTo>
                  <a:cubicBezTo>
                    <a:pt x="42461" y="115862"/>
                    <a:pt x="42461" y="115862"/>
                    <a:pt x="42461" y="115862"/>
                  </a:cubicBezTo>
                  <a:cubicBezTo>
                    <a:pt x="42461" y="120000"/>
                    <a:pt x="44307" y="120000"/>
                    <a:pt x="44307" y="120000"/>
                  </a:cubicBezTo>
                  <a:cubicBezTo>
                    <a:pt x="120000" y="120000"/>
                    <a:pt x="120000" y="120000"/>
                    <a:pt x="120000" y="120000"/>
                  </a:cubicBezTo>
                  <a:cubicBezTo>
                    <a:pt x="120000" y="99310"/>
                    <a:pt x="120000" y="99310"/>
                    <a:pt x="120000" y="99310"/>
                  </a:cubicBezTo>
                  <a:cubicBezTo>
                    <a:pt x="49846" y="99310"/>
                    <a:pt x="49846" y="99310"/>
                    <a:pt x="49846" y="99310"/>
                  </a:cubicBezTo>
                  <a:cubicBezTo>
                    <a:pt x="49846" y="91034"/>
                    <a:pt x="49846" y="91034"/>
                    <a:pt x="49846" y="91034"/>
                  </a:cubicBezTo>
                  <a:cubicBezTo>
                    <a:pt x="59076" y="70344"/>
                    <a:pt x="59076" y="70344"/>
                    <a:pt x="59076" y="70344"/>
                  </a:cubicBezTo>
                  <a:cubicBezTo>
                    <a:pt x="120000" y="70344"/>
                    <a:pt x="120000" y="70344"/>
                    <a:pt x="120000" y="70344"/>
                  </a:cubicBezTo>
                  <a:cubicBezTo>
                    <a:pt x="120000" y="49655"/>
                    <a:pt x="120000" y="49655"/>
                    <a:pt x="120000" y="49655"/>
                  </a:cubicBezTo>
                  <a:cubicBezTo>
                    <a:pt x="59076" y="49655"/>
                    <a:pt x="59076" y="49655"/>
                    <a:pt x="59076" y="49655"/>
                  </a:cubicBezTo>
                  <a:cubicBezTo>
                    <a:pt x="49846" y="28965"/>
                    <a:pt x="49846" y="28965"/>
                    <a:pt x="49846" y="28965"/>
                  </a:cubicBezTo>
                  <a:cubicBezTo>
                    <a:pt x="49846" y="20689"/>
                    <a:pt x="49846" y="20689"/>
                    <a:pt x="49846" y="20689"/>
                  </a:cubicBezTo>
                  <a:cubicBezTo>
                    <a:pt x="120000" y="20689"/>
                    <a:pt x="120000" y="20689"/>
                    <a:pt x="120000" y="20689"/>
                  </a:cubicBezTo>
                  <a:cubicBezTo>
                    <a:pt x="120000" y="0"/>
                    <a:pt x="120000" y="0"/>
                    <a:pt x="120000" y="0"/>
                  </a:cubicBezTo>
                  <a:cubicBezTo>
                    <a:pt x="44307" y="0"/>
                    <a:pt x="44307" y="0"/>
                    <a:pt x="44307" y="0"/>
                  </a:cubicBezTo>
                  <a:cubicBezTo>
                    <a:pt x="44307" y="0"/>
                    <a:pt x="42461" y="0"/>
                    <a:pt x="42461" y="4137"/>
                  </a:cubicBezTo>
                  <a:close/>
                  <a:moveTo>
                    <a:pt x="18461" y="66206"/>
                  </a:moveTo>
                  <a:cubicBezTo>
                    <a:pt x="14769" y="62068"/>
                    <a:pt x="14769" y="62068"/>
                    <a:pt x="14769" y="62068"/>
                  </a:cubicBezTo>
                  <a:cubicBezTo>
                    <a:pt x="18461" y="53793"/>
                    <a:pt x="18461" y="53793"/>
                    <a:pt x="18461" y="53793"/>
                  </a:cubicBezTo>
                  <a:lnTo>
                    <a:pt x="18461" y="66206"/>
                  </a:lnTo>
                  <a:close/>
                  <a:moveTo>
                    <a:pt x="49846" y="62068"/>
                  </a:moveTo>
                  <a:cubicBezTo>
                    <a:pt x="40615" y="78620"/>
                    <a:pt x="40615" y="78620"/>
                    <a:pt x="40615" y="78620"/>
                  </a:cubicBezTo>
                  <a:cubicBezTo>
                    <a:pt x="40615" y="82758"/>
                    <a:pt x="40615" y="82758"/>
                    <a:pt x="40615" y="86896"/>
                  </a:cubicBezTo>
                  <a:cubicBezTo>
                    <a:pt x="40615" y="91034"/>
                    <a:pt x="40615" y="91034"/>
                    <a:pt x="40615" y="91034"/>
                  </a:cubicBezTo>
                  <a:cubicBezTo>
                    <a:pt x="27692" y="74482"/>
                    <a:pt x="27692" y="74482"/>
                    <a:pt x="27692" y="74482"/>
                  </a:cubicBezTo>
                  <a:cubicBezTo>
                    <a:pt x="27692" y="45517"/>
                    <a:pt x="27692" y="45517"/>
                    <a:pt x="27692" y="45517"/>
                  </a:cubicBezTo>
                  <a:cubicBezTo>
                    <a:pt x="40615" y="28965"/>
                    <a:pt x="40615" y="28965"/>
                    <a:pt x="40615" y="28965"/>
                  </a:cubicBezTo>
                  <a:cubicBezTo>
                    <a:pt x="40615" y="33103"/>
                    <a:pt x="40615" y="33103"/>
                    <a:pt x="40615" y="33103"/>
                  </a:cubicBezTo>
                  <a:cubicBezTo>
                    <a:pt x="40615" y="37241"/>
                    <a:pt x="40615" y="37241"/>
                    <a:pt x="40615" y="41379"/>
                  </a:cubicBezTo>
                  <a:lnTo>
                    <a:pt x="49846" y="6206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5" name="Google Shape;533;p39"/>
            <p:cNvSpPr/>
            <p:nvPr/>
          </p:nvSpPr>
          <p:spPr>
            <a:xfrm>
              <a:off x="3305175" y="4622800"/>
              <a:ext cx="1106400" cy="8319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20000" y="14709"/>
                  </a:moveTo>
                  <a:cubicBezTo>
                    <a:pt x="120000" y="6193"/>
                    <a:pt x="115362" y="0"/>
                    <a:pt x="108985" y="0"/>
                  </a:cubicBezTo>
                  <a:cubicBezTo>
                    <a:pt x="11594" y="0"/>
                    <a:pt x="11594" y="0"/>
                    <a:pt x="11594" y="0"/>
                  </a:cubicBezTo>
                  <a:cubicBezTo>
                    <a:pt x="5217" y="0"/>
                    <a:pt x="0" y="6193"/>
                    <a:pt x="0" y="14709"/>
                  </a:cubicBezTo>
                  <a:cubicBezTo>
                    <a:pt x="0" y="100645"/>
                    <a:pt x="0" y="100645"/>
                    <a:pt x="0" y="100645"/>
                  </a:cubicBezTo>
                  <a:cubicBezTo>
                    <a:pt x="0" y="102193"/>
                    <a:pt x="579" y="102967"/>
                    <a:pt x="1739" y="102967"/>
                  </a:cubicBezTo>
                  <a:cubicBezTo>
                    <a:pt x="9855" y="102967"/>
                    <a:pt x="9855" y="102967"/>
                    <a:pt x="9855" y="102967"/>
                  </a:cubicBezTo>
                  <a:cubicBezTo>
                    <a:pt x="9855" y="117677"/>
                    <a:pt x="9855" y="117677"/>
                    <a:pt x="9855" y="117677"/>
                  </a:cubicBezTo>
                  <a:cubicBezTo>
                    <a:pt x="9855" y="119225"/>
                    <a:pt x="10434" y="120000"/>
                    <a:pt x="11594" y="120000"/>
                  </a:cubicBezTo>
                  <a:cubicBezTo>
                    <a:pt x="108985" y="120000"/>
                    <a:pt x="108985" y="120000"/>
                    <a:pt x="108985" y="120000"/>
                  </a:cubicBezTo>
                  <a:cubicBezTo>
                    <a:pt x="109565" y="120000"/>
                    <a:pt x="110144" y="119225"/>
                    <a:pt x="110144" y="117677"/>
                  </a:cubicBezTo>
                  <a:cubicBezTo>
                    <a:pt x="110144" y="29419"/>
                    <a:pt x="110144" y="29419"/>
                    <a:pt x="110144" y="29419"/>
                  </a:cubicBezTo>
                  <a:cubicBezTo>
                    <a:pt x="115942" y="28645"/>
                    <a:pt x="120000" y="22451"/>
                    <a:pt x="120000" y="14709"/>
                  </a:cubicBezTo>
                  <a:close/>
                  <a:moveTo>
                    <a:pt x="2898" y="99096"/>
                  </a:moveTo>
                  <a:cubicBezTo>
                    <a:pt x="2898" y="14709"/>
                    <a:pt x="2898" y="14709"/>
                    <a:pt x="2898" y="14709"/>
                  </a:cubicBezTo>
                  <a:cubicBezTo>
                    <a:pt x="2898" y="8516"/>
                    <a:pt x="6956" y="3870"/>
                    <a:pt x="11594" y="3870"/>
                  </a:cubicBezTo>
                  <a:cubicBezTo>
                    <a:pt x="16231" y="3870"/>
                    <a:pt x="19710" y="8516"/>
                    <a:pt x="19710" y="14709"/>
                  </a:cubicBezTo>
                  <a:cubicBezTo>
                    <a:pt x="19710" y="15483"/>
                    <a:pt x="19710" y="16258"/>
                    <a:pt x="19710" y="17032"/>
                  </a:cubicBezTo>
                  <a:cubicBezTo>
                    <a:pt x="11594" y="17032"/>
                    <a:pt x="11594" y="17032"/>
                    <a:pt x="11594" y="17032"/>
                  </a:cubicBezTo>
                  <a:cubicBezTo>
                    <a:pt x="10434" y="17032"/>
                    <a:pt x="9855" y="17806"/>
                    <a:pt x="9855" y="19354"/>
                  </a:cubicBezTo>
                  <a:cubicBezTo>
                    <a:pt x="9855" y="99096"/>
                    <a:pt x="9855" y="99096"/>
                    <a:pt x="9855" y="99096"/>
                  </a:cubicBezTo>
                  <a:lnTo>
                    <a:pt x="2898" y="99096"/>
                  </a:lnTo>
                  <a:close/>
                  <a:moveTo>
                    <a:pt x="12753" y="25548"/>
                  </a:moveTo>
                  <a:cubicBezTo>
                    <a:pt x="12753" y="20903"/>
                    <a:pt x="12753" y="20903"/>
                    <a:pt x="12753" y="20903"/>
                  </a:cubicBezTo>
                  <a:cubicBezTo>
                    <a:pt x="17971" y="20903"/>
                    <a:pt x="17971" y="20903"/>
                    <a:pt x="17971" y="20903"/>
                  </a:cubicBezTo>
                  <a:cubicBezTo>
                    <a:pt x="16811" y="23225"/>
                    <a:pt x="15072" y="25548"/>
                    <a:pt x="12753" y="25548"/>
                  </a:cubicBezTo>
                  <a:close/>
                  <a:moveTo>
                    <a:pt x="107246" y="116129"/>
                  </a:moveTo>
                  <a:cubicBezTo>
                    <a:pt x="12753" y="116129"/>
                    <a:pt x="12753" y="116129"/>
                    <a:pt x="12753" y="116129"/>
                  </a:cubicBezTo>
                  <a:cubicBezTo>
                    <a:pt x="12753" y="30193"/>
                    <a:pt x="12753" y="30193"/>
                    <a:pt x="12753" y="30193"/>
                  </a:cubicBezTo>
                  <a:cubicBezTo>
                    <a:pt x="107246" y="30193"/>
                    <a:pt x="107246" y="30193"/>
                    <a:pt x="107246" y="30193"/>
                  </a:cubicBezTo>
                  <a:lnTo>
                    <a:pt x="107246" y="116129"/>
                  </a:lnTo>
                  <a:close/>
                  <a:moveTo>
                    <a:pt x="108985" y="25548"/>
                  </a:moveTo>
                  <a:cubicBezTo>
                    <a:pt x="108985" y="26322"/>
                    <a:pt x="108985" y="26322"/>
                    <a:pt x="108985" y="26322"/>
                  </a:cubicBezTo>
                  <a:cubicBezTo>
                    <a:pt x="108985" y="26322"/>
                    <a:pt x="108985" y="26322"/>
                    <a:pt x="108985" y="26322"/>
                  </a:cubicBezTo>
                  <a:cubicBezTo>
                    <a:pt x="19130" y="26322"/>
                    <a:pt x="19130" y="26322"/>
                    <a:pt x="19130" y="26322"/>
                  </a:cubicBezTo>
                  <a:cubicBezTo>
                    <a:pt x="21449" y="23225"/>
                    <a:pt x="22608" y="19354"/>
                    <a:pt x="22608" y="14709"/>
                  </a:cubicBezTo>
                  <a:cubicBezTo>
                    <a:pt x="22608" y="10064"/>
                    <a:pt x="21449" y="6193"/>
                    <a:pt x="19130" y="3870"/>
                  </a:cubicBezTo>
                  <a:cubicBezTo>
                    <a:pt x="108985" y="3870"/>
                    <a:pt x="108985" y="3870"/>
                    <a:pt x="108985" y="3870"/>
                  </a:cubicBezTo>
                  <a:cubicBezTo>
                    <a:pt x="113623" y="3870"/>
                    <a:pt x="117101" y="8516"/>
                    <a:pt x="117101" y="14709"/>
                  </a:cubicBezTo>
                  <a:cubicBezTo>
                    <a:pt x="117101" y="20903"/>
                    <a:pt x="113623" y="25548"/>
                    <a:pt x="108985" y="25548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6" name="Google Shape;534;p39"/>
            <p:cNvSpPr/>
            <p:nvPr/>
          </p:nvSpPr>
          <p:spPr>
            <a:xfrm>
              <a:off x="3517900" y="4938713"/>
              <a:ext cx="381000" cy="381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59154" y="120000"/>
                  </a:moveTo>
                  <a:cubicBezTo>
                    <a:pt x="92957" y="120000"/>
                    <a:pt x="120000" y="92957"/>
                    <a:pt x="120000" y="60845"/>
                  </a:cubicBezTo>
                  <a:cubicBezTo>
                    <a:pt x="120000" y="27042"/>
                    <a:pt x="92957" y="0"/>
                    <a:pt x="59154" y="0"/>
                  </a:cubicBezTo>
                  <a:cubicBezTo>
                    <a:pt x="27042" y="0"/>
                    <a:pt x="0" y="27042"/>
                    <a:pt x="0" y="60845"/>
                  </a:cubicBezTo>
                  <a:cubicBezTo>
                    <a:pt x="0" y="92957"/>
                    <a:pt x="27042" y="120000"/>
                    <a:pt x="59154" y="120000"/>
                  </a:cubicBezTo>
                  <a:close/>
                  <a:moveTo>
                    <a:pt x="96338" y="23661"/>
                  </a:moveTo>
                  <a:cubicBezTo>
                    <a:pt x="94647" y="27042"/>
                    <a:pt x="92957" y="33802"/>
                    <a:pt x="87887" y="35492"/>
                  </a:cubicBezTo>
                  <a:cubicBezTo>
                    <a:pt x="81126" y="35492"/>
                    <a:pt x="74366" y="37183"/>
                    <a:pt x="70985" y="40563"/>
                  </a:cubicBezTo>
                  <a:cubicBezTo>
                    <a:pt x="70985" y="38873"/>
                    <a:pt x="70985" y="38873"/>
                    <a:pt x="70985" y="38873"/>
                  </a:cubicBezTo>
                  <a:cubicBezTo>
                    <a:pt x="72676" y="23661"/>
                    <a:pt x="69295" y="20281"/>
                    <a:pt x="69295" y="20281"/>
                  </a:cubicBezTo>
                  <a:cubicBezTo>
                    <a:pt x="65915" y="18591"/>
                    <a:pt x="64225" y="18591"/>
                    <a:pt x="62535" y="20281"/>
                  </a:cubicBezTo>
                  <a:cubicBezTo>
                    <a:pt x="60845" y="20281"/>
                    <a:pt x="60845" y="20281"/>
                    <a:pt x="59154" y="20281"/>
                  </a:cubicBezTo>
                  <a:cubicBezTo>
                    <a:pt x="59154" y="20281"/>
                    <a:pt x="59154" y="18591"/>
                    <a:pt x="59154" y="18591"/>
                  </a:cubicBezTo>
                  <a:cubicBezTo>
                    <a:pt x="59154" y="16901"/>
                    <a:pt x="67605" y="13521"/>
                    <a:pt x="76056" y="11830"/>
                  </a:cubicBezTo>
                  <a:cubicBezTo>
                    <a:pt x="82816" y="13521"/>
                    <a:pt x="89577" y="18591"/>
                    <a:pt x="96338" y="23661"/>
                  </a:cubicBezTo>
                  <a:close/>
                  <a:moveTo>
                    <a:pt x="72676" y="79436"/>
                  </a:moveTo>
                  <a:cubicBezTo>
                    <a:pt x="69295" y="82816"/>
                    <a:pt x="67605" y="82816"/>
                    <a:pt x="67605" y="82816"/>
                  </a:cubicBezTo>
                  <a:cubicBezTo>
                    <a:pt x="65915" y="82816"/>
                    <a:pt x="64225" y="84507"/>
                    <a:pt x="64225" y="86197"/>
                  </a:cubicBezTo>
                  <a:cubicBezTo>
                    <a:pt x="64225" y="89577"/>
                    <a:pt x="64225" y="94647"/>
                    <a:pt x="55774" y="94647"/>
                  </a:cubicBezTo>
                  <a:cubicBezTo>
                    <a:pt x="54084" y="92957"/>
                    <a:pt x="52394" y="87887"/>
                    <a:pt x="52394" y="87887"/>
                  </a:cubicBezTo>
                  <a:cubicBezTo>
                    <a:pt x="52394" y="86197"/>
                    <a:pt x="52394" y="86197"/>
                    <a:pt x="52394" y="84507"/>
                  </a:cubicBezTo>
                  <a:cubicBezTo>
                    <a:pt x="52394" y="84507"/>
                    <a:pt x="54084" y="81126"/>
                    <a:pt x="54084" y="79436"/>
                  </a:cubicBezTo>
                  <a:cubicBezTo>
                    <a:pt x="54084" y="76056"/>
                    <a:pt x="52394" y="72676"/>
                    <a:pt x="49014" y="70985"/>
                  </a:cubicBezTo>
                  <a:cubicBezTo>
                    <a:pt x="49014" y="67605"/>
                    <a:pt x="47323" y="64225"/>
                    <a:pt x="45633" y="62535"/>
                  </a:cubicBezTo>
                  <a:cubicBezTo>
                    <a:pt x="42253" y="60845"/>
                    <a:pt x="37183" y="60845"/>
                    <a:pt x="33802" y="60845"/>
                  </a:cubicBezTo>
                  <a:cubicBezTo>
                    <a:pt x="32112" y="60845"/>
                    <a:pt x="32112" y="60845"/>
                    <a:pt x="30422" y="60845"/>
                  </a:cubicBezTo>
                  <a:cubicBezTo>
                    <a:pt x="27042" y="60845"/>
                    <a:pt x="27042" y="55774"/>
                    <a:pt x="27042" y="55774"/>
                  </a:cubicBezTo>
                  <a:cubicBezTo>
                    <a:pt x="27042" y="55774"/>
                    <a:pt x="27042" y="42253"/>
                    <a:pt x="35492" y="40563"/>
                  </a:cubicBezTo>
                  <a:cubicBezTo>
                    <a:pt x="40563" y="38873"/>
                    <a:pt x="42253" y="38873"/>
                    <a:pt x="43943" y="40563"/>
                  </a:cubicBezTo>
                  <a:cubicBezTo>
                    <a:pt x="43943" y="40563"/>
                    <a:pt x="43943" y="40563"/>
                    <a:pt x="43943" y="42253"/>
                  </a:cubicBezTo>
                  <a:cubicBezTo>
                    <a:pt x="49014" y="47323"/>
                    <a:pt x="57464" y="45633"/>
                    <a:pt x="62535" y="43943"/>
                  </a:cubicBezTo>
                  <a:cubicBezTo>
                    <a:pt x="64225" y="43943"/>
                    <a:pt x="65915" y="42253"/>
                    <a:pt x="67605" y="42253"/>
                  </a:cubicBezTo>
                  <a:cubicBezTo>
                    <a:pt x="67605" y="42253"/>
                    <a:pt x="67605" y="42253"/>
                    <a:pt x="67605" y="42253"/>
                  </a:cubicBezTo>
                  <a:cubicBezTo>
                    <a:pt x="67605" y="43943"/>
                    <a:pt x="65915" y="45633"/>
                    <a:pt x="67605" y="47323"/>
                  </a:cubicBezTo>
                  <a:cubicBezTo>
                    <a:pt x="67605" y="49014"/>
                    <a:pt x="69295" y="49014"/>
                    <a:pt x="69295" y="49014"/>
                  </a:cubicBezTo>
                  <a:cubicBezTo>
                    <a:pt x="70985" y="50704"/>
                    <a:pt x="70985" y="54084"/>
                    <a:pt x="72676" y="55774"/>
                  </a:cubicBezTo>
                  <a:cubicBezTo>
                    <a:pt x="72676" y="57464"/>
                    <a:pt x="72676" y="57464"/>
                    <a:pt x="72676" y="59154"/>
                  </a:cubicBezTo>
                  <a:cubicBezTo>
                    <a:pt x="76056" y="60845"/>
                    <a:pt x="77746" y="60845"/>
                    <a:pt x="79436" y="60845"/>
                  </a:cubicBezTo>
                  <a:cubicBezTo>
                    <a:pt x="79436" y="62535"/>
                    <a:pt x="77746" y="64225"/>
                    <a:pt x="74366" y="67605"/>
                  </a:cubicBezTo>
                  <a:cubicBezTo>
                    <a:pt x="70985" y="70985"/>
                    <a:pt x="69295" y="72676"/>
                    <a:pt x="69295" y="74366"/>
                  </a:cubicBezTo>
                  <a:cubicBezTo>
                    <a:pt x="69295" y="77746"/>
                    <a:pt x="70985" y="79436"/>
                    <a:pt x="72676" y="79436"/>
                  </a:cubicBezTo>
                  <a:close/>
                  <a:moveTo>
                    <a:pt x="57464" y="8450"/>
                  </a:moveTo>
                  <a:cubicBezTo>
                    <a:pt x="52394" y="11830"/>
                    <a:pt x="49014" y="15211"/>
                    <a:pt x="50704" y="18591"/>
                  </a:cubicBezTo>
                  <a:cubicBezTo>
                    <a:pt x="50704" y="23661"/>
                    <a:pt x="52394" y="27042"/>
                    <a:pt x="55774" y="28732"/>
                  </a:cubicBezTo>
                  <a:cubicBezTo>
                    <a:pt x="57464" y="28732"/>
                    <a:pt x="60845" y="28732"/>
                    <a:pt x="62535" y="28732"/>
                  </a:cubicBezTo>
                  <a:cubicBezTo>
                    <a:pt x="62535" y="30422"/>
                    <a:pt x="62535" y="32112"/>
                    <a:pt x="62535" y="33802"/>
                  </a:cubicBezTo>
                  <a:cubicBezTo>
                    <a:pt x="62535" y="33802"/>
                    <a:pt x="60845" y="35492"/>
                    <a:pt x="60845" y="35492"/>
                  </a:cubicBezTo>
                  <a:cubicBezTo>
                    <a:pt x="57464" y="35492"/>
                    <a:pt x="52394" y="37183"/>
                    <a:pt x="50704" y="35492"/>
                  </a:cubicBezTo>
                  <a:cubicBezTo>
                    <a:pt x="50704" y="35492"/>
                    <a:pt x="50704" y="33802"/>
                    <a:pt x="49014" y="33802"/>
                  </a:cubicBezTo>
                  <a:cubicBezTo>
                    <a:pt x="45633" y="30422"/>
                    <a:pt x="40563" y="30422"/>
                    <a:pt x="33802" y="32112"/>
                  </a:cubicBezTo>
                  <a:cubicBezTo>
                    <a:pt x="18591" y="35492"/>
                    <a:pt x="18591" y="54084"/>
                    <a:pt x="18591" y="55774"/>
                  </a:cubicBezTo>
                  <a:cubicBezTo>
                    <a:pt x="18591" y="62535"/>
                    <a:pt x="21971" y="69295"/>
                    <a:pt x="30422" y="69295"/>
                  </a:cubicBezTo>
                  <a:cubicBezTo>
                    <a:pt x="32112" y="69295"/>
                    <a:pt x="32112" y="69295"/>
                    <a:pt x="33802" y="69295"/>
                  </a:cubicBezTo>
                  <a:cubicBezTo>
                    <a:pt x="35492" y="69295"/>
                    <a:pt x="38873" y="69295"/>
                    <a:pt x="40563" y="69295"/>
                  </a:cubicBezTo>
                  <a:cubicBezTo>
                    <a:pt x="40563" y="69295"/>
                    <a:pt x="40563" y="69295"/>
                    <a:pt x="40563" y="72676"/>
                  </a:cubicBezTo>
                  <a:cubicBezTo>
                    <a:pt x="40563" y="74366"/>
                    <a:pt x="40563" y="74366"/>
                    <a:pt x="42253" y="76056"/>
                  </a:cubicBezTo>
                  <a:cubicBezTo>
                    <a:pt x="43943" y="77746"/>
                    <a:pt x="45633" y="79436"/>
                    <a:pt x="45633" y="79436"/>
                  </a:cubicBezTo>
                  <a:cubicBezTo>
                    <a:pt x="45633" y="81126"/>
                    <a:pt x="45633" y="81126"/>
                    <a:pt x="43943" y="81126"/>
                  </a:cubicBezTo>
                  <a:cubicBezTo>
                    <a:pt x="43943" y="82816"/>
                    <a:pt x="42253" y="84507"/>
                    <a:pt x="42253" y="86197"/>
                  </a:cubicBezTo>
                  <a:cubicBezTo>
                    <a:pt x="42253" y="89577"/>
                    <a:pt x="49014" y="103098"/>
                    <a:pt x="54084" y="103098"/>
                  </a:cubicBezTo>
                  <a:cubicBezTo>
                    <a:pt x="65915" y="103098"/>
                    <a:pt x="72676" y="98028"/>
                    <a:pt x="72676" y="89577"/>
                  </a:cubicBezTo>
                  <a:cubicBezTo>
                    <a:pt x="74366" y="89577"/>
                    <a:pt x="77746" y="87887"/>
                    <a:pt x="79436" y="84507"/>
                  </a:cubicBezTo>
                  <a:cubicBezTo>
                    <a:pt x="81126" y="82816"/>
                    <a:pt x="82816" y="81126"/>
                    <a:pt x="82816" y="79436"/>
                  </a:cubicBezTo>
                  <a:cubicBezTo>
                    <a:pt x="81126" y="77746"/>
                    <a:pt x="81126" y="76056"/>
                    <a:pt x="79436" y="74366"/>
                  </a:cubicBezTo>
                  <a:cubicBezTo>
                    <a:pt x="79436" y="74366"/>
                    <a:pt x="79436" y="74366"/>
                    <a:pt x="81126" y="74366"/>
                  </a:cubicBezTo>
                  <a:cubicBezTo>
                    <a:pt x="84507" y="69295"/>
                    <a:pt x="94647" y="59154"/>
                    <a:pt x="86197" y="52394"/>
                  </a:cubicBezTo>
                  <a:cubicBezTo>
                    <a:pt x="86197" y="50704"/>
                    <a:pt x="82816" y="50704"/>
                    <a:pt x="81126" y="50704"/>
                  </a:cubicBezTo>
                  <a:cubicBezTo>
                    <a:pt x="81126" y="52394"/>
                    <a:pt x="81126" y="52394"/>
                    <a:pt x="79436" y="52394"/>
                  </a:cubicBezTo>
                  <a:cubicBezTo>
                    <a:pt x="79436" y="49014"/>
                    <a:pt x="79436" y="47323"/>
                    <a:pt x="77746" y="45633"/>
                  </a:cubicBezTo>
                  <a:cubicBezTo>
                    <a:pt x="81126" y="45633"/>
                    <a:pt x="84507" y="43943"/>
                    <a:pt x="87887" y="45633"/>
                  </a:cubicBezTo>
                  <a:cubicBezTo>
                    <a:pt x="87887" y="45633"/>
                    <a:pt x="89577" y="45633"/>
                    <a:pt x="91267" y="43943"/>
                  </a:cubicBezTo>
                  <a:cubicBezTo>
                    <a:pt x="96338" y="42253"/>
                    <a:pt x="99718" y="35492"/>
                    <a:pt x="103098" y="32112"/>
                  </a:cubicBezTo>
                  <a:cubicBezTo>
                    <a:pt x="108169" y="40563"/>
                    <a:pt x="111549" y="49014"/>
                    <a:pt x="111549" y="60845"/>
                  </a:cubicBezTo>
                  <a:cubicBezTo>
                    <a:pt x="111549" y="87887"/>
                    <a:pt x="87887" y="111549"/>
                    <a:pt x="59154" y="111549"/>
                  </a:cubicBezTo>
                  <a:cubicBezTo>
                    <a:pt x="30422" y="111549"/>
                    <a:pt x="8450" y="87887"/>
                    <a:pt x="8450" y="60845"/>
                  </a:cubicBezTo>
                  <a:cubicBezTo>
                    <a:pt x="8450" y="32112"/>
                    <a:pt x="30422" y="10140"/>
                    <a:pt x="57464" y="845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7" name="Google Shape;535;p39"/>
            <p:cNvSpPr/>
            <p:nvPr/>
          </p:nvSpPr>
          <p:spPr>
            <a:xfrm>
              <a:off x="3978275" y="4949825"/>
              <a:ext cx="214200" cy="270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8" name="Google Shape;536;p39"/>
            <p:cNvSpPr/>
            <p:nvPr/>
          </p:nvSpPr>
          <p:spPr>
            <a:xfrm>
              <a:off x="3978275" y="5041900"/>
              <a:ext cx="214200" cy="270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9" name="Google Shape;537;p39"/>
            <p:cNvSpPr/>
            <p:nvPr/>
          </p:nvSpPr>
          <p:spPr>
            <a:xfrm>
              <a:off x="3978275" y="5132388"/>
              <a:ext cx="214200" cy="270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0" name="Google Shape;538;p39"/>
            <p:cNvSpPr/>
            <p:nvPr/>
          </p:nvSpPr>
          <p:spPr>
            <a:xfrm>
              <a:off x="3978275" y="5224463"/>
              <a:ext cx="214200" cy="255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1" name="Google Shape;539;p39"/>
            <p:cNvSpPr/>
            <p:nvPr/>
          </p:nvSpPr>
          <p:spPr>
            <a:xfrm>
              <a:off x="4630738" y="4144963"/>
              <a:ext cx="593700" cy="1862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25945" y="43919"/>
                  </a:moveTo>
                  <a:cubicBezTo>
                    <a:pt x="25945" y="56714"/>
                    <a:pt x="25945" y="56714"/>
                    <a:pt x="25945" y="56714"/>
                  </a:cubicBezTo>
                  <a:cubicBezTo>
                    <a:pt x="12972" y="56714"/>
                    <a:pt x="12972" y="56714"/>
                    <a:pt x="12972" y="56714"/>
                  </a:cubicBezTo>
                  <a:cubicBezTo>
                    <a:pt x="11891" y="56714"/>
                    <a:pt x="10810" y="57060"/>
                    <a:pt x="10810" y="57752"/>
                  </a:cubicBezTo>
                  <a:cubicBezTo>
                    <a:pt x="10810" y="120000"/>
                    <a:pt x="10810" y="120000"/>
                    <a:pt x="10810" y="120000"/>
                  </a:cubicBezTo>
                  <a:cubicBezTo>
                    <a:pt x="16216" y="120000"/>
                    <a:pt x="16216" y="120000"/>
                    <a:pt x="16216" y="120000"/>
                  </a:cubicBezTo>
                  <a:cubicBezTo>
                    <a:pt x="16216" y="58443"/>
                    <a:pt x="16216" y="58443"/>
                    <a:pt x="16216" y="58443"/>
                  </a:cubicBezTo>
                  <a:cubicBezTo>
                    <a:pt x="114594" y="58443"/>
                    <a:pt x="114594" y="58443"/>
                    <a:pt x="114594" y="58443"/>
                  </a:cubicBezTo>
                  <a:cubicBezTo>
                    <a:pt x="114594" y="120000"/>
                    <a:pt x="114594" y="120000"/>
                    <a:pt x="114594" y="120000"/>
                  </a:cubicBezTo>
                  <a:cubicBezTo>
                    <a:pt x="120000" y="120000"/>
                    <a:pt x="120000" y="120000"/>
                    <a:pt x="120000" y="120000"/>
                  </a:cubicBezTo>
                  <a:cubicBezTo>
                    <a:pt x="120000" y="57752"/>
                    <a:pt x="120000" y="57752"/>
                    <a:pt x="120000" y="57752"/>
                  </a:cubicBezTo>
                  <a:cubicBezTo>
                    <a:pt x="120000" y="57060"/>
                    <a:pt x="118918" y="56714"/>
                    <a:pt x="117837" y="56714"/>
                  </a:cubicBezTo>
                  <a:cubicBezTo>
                    <a:pt x="104864" y="56714"/>
                    <a:pt x="104864" y="56714"/>
                    <a:pt x="104864" y="56714"/>
                  </a:cubicBezTo>
                  <a:cubicBezTo>
                    <a:pt x="104864" y="43919"/>
                    <a:pt x="104864" y="43919"/>
                    <a:pt x="104864" y="43919"/>
                  </a:cubicBezTo>
                  <a:cubicBezTo>
                    <a:pt x="113513" y="41498"/>
                    <a:pt x="120000" y="37694"/>
                    <a:pt x="120000" y="33544"/>
                  </a:cubicBezTo>
                  <a:cubicBezTo>
                    <a:pt x="120000" y="26282"/>
                    <a:pt x="120000" y="26282"/>
                    <a:pt x="120000" y="26282"/>
                  </a:cubicBezTo>
                  <a:cubicBezTo>
                    <a:pt x="120000" y="20403"/>
                    <a:pt x="120000" y="20403"/>
                    <a:pt x="120000" y="20403"/>
                  </a:cubicBezTo>
                  <a:cubicBezTo>
                    <a:pt x="120000" y="11757"/>
                    <a:pt x="120000" y="11757"/>
                    <a:pt x="120000" y="11757"/>
                  </a:cubicBezTo>
                  <a:cubicBezTo>
                    <a:pt x="120000" y="9337"/>
                    <a:pt x="113513" y="7262"/>
                    <a:pt x="104864" y="7262"/>
                  </a:cubicBezTo>
                  <a:cubicBezTo>
                    <a:pt x="101621" y="7262"/>
                    <a:pt x="99459" y="7608"/>
                    <a:pt x="97297" y="8299"/>
                  </a:cubicBezTo>
                  <a:cubicBezTo>
                    <a:pt x="97297" y="6916"/>
                    <a:pt x="97297" y="6916"/>
                    <a:pt x="97297" y="6916"/>
                  </a:cubicBezTo>
                  <a:cubicBezTo>
                    <a:pt x="97297" y="4495"/>
                    <a:pt x="90810" y="2420"/>
                    <a:pt x="82162" y="2420"/>
                  </a:cubicBezTo>
                  <a:cubicBezTo>
                    <a:pt x="78918" y="2420"/>
                    <a:pt x="75675" y="2766"/>
                    <a:pt x="73513" y="3458"/>
                  </a:cubicBezTo>
                  <a:cubicBezTo>
                    <a:pt x="72432" y="1383"/>
                    <a:pt x="67027" y="0"/>
                    <a:pt x="59459" y="0"/>
                  </a:cubicBezTo>
                  <a:cubicBezTo>
                    <a:pt x="52972" y="0"/>
                    <a:pt x="47567" y="1383"/>
                    <a:pt x="46486" y="3458"/>
                  </a:cubicBezTo>
                  <a:cubicBezTo>
                    <a:pt x="43243" y="2766"/>
                    <a:pt x="40000" y="2420"/>
                    <a:pt x="36756" y="2420"/>
                  </a:cubicBezTo>
                  <a:cubicBezTo>
                    <a:pt x="29189" y="2420"/>
                    <a:pt x="22702" y="4495"/>
                    <a:pt x="22702" y="6916"/>
                  </a:cubicBezTo>
                  <a:cubicBezTo>
                    <a:pt x="22702" y="28703"/>
                    <a:pt x="22702" y="28703"/>
                    <a:pt x="22702" y="28703"/>
                  </a:cubicBezTo>
                  <a:cubicBezTo>
                    <a:pt x="28108" y="28703"/>
                    <a:pt x="28108" y="28703"/>
                    <a:pt x="28108" y="28703"/>
                  </a:cubicBezTo>
                  <a:cubicBezTo>
                    <a:pt x="28108" y="6916"/>
                    <a:pt x="28108" y="6916"/>
                    <a:pt x="28108" y="6916"/>
                  </a:cubicBezTo>
                  <a:cubicBezTo>
                    <a:pt x="28108" y="5533"/>
                    <a:pt x="32432" y="4149"/>
                    <a:pt x="36756" y="4149"/>
                  </a:cubicBezTo>
                  <a:cubicBezTo>
                    <a:pt x="42162" y="4149"/>
                    <a:pt x="45405" y="5533"/>
                    <a:pt x="45405" y="6916"/>
                  </a:cubicBezTo>
                  <a:cubicBezTo>
                    <a:pt x="45405" y="14178"/>
                    <a:pt x="45405" y="14178"/>
                    <a:pt x="45405" y="14178"/>
                  </a:cubicBezTo>
                  <a:cubicBezTo>
                    <a:pt x="45405" y="19020"/>
                    <a:pt x="45405" y="19020"/>
                    <a:pt x="45405" y="19020"/>
                  </a:cubicBezTo>
                  <a:cubicBezTo>
                    <a:pt x="50810" y="19020"/>
                    <a:pt x="50810" y="19020"/>
                    <a:pt x="50810" y="19020"/>
                  </a:cubicBezTo>
                  <a:cubicBezTo>
                    <a:pt x="50810" y="14178"/>
                    <a:pt x="50810" y="14178"/>
                    <a:pt x="50810" y="14178"/>
                  </a:cubicBezTo>
                  <a:cubicBezTo>
                    <a:pt x="50810" y="6916"/>
                    <a:pt x="50810" y="6916"/>
                    <a:pt x="50810" y="6916"/>
                  </a:cubicBezTo>
                  <a:cubicBezTo>
                    <a:pt x="50810" y="4495"/>
                    <a:pt x="50810" y="4495"/>
                    <a:pt x="50810" y="4495"/>
                  </a:cubicBezTo>
                  <a:cubicBezTo>
                    <a:pt x="50810" y="3112"/>
                    <a:pt x="55135" y="1729"/>
                    <a:pt x="59459" y="1729"/>
                  </a:cubicBezTo>
                  <a:cubicBezTo>
                    <a:pt x="64864" y="1729"/>
                    <a:pt x="68108" y="3112"/>
                    <a:pt x="68108" y="4495"/>
                  </a:cubicBezTo>
                  <a:cubicBezTo>
                    <a:pt x="68108" y="6916"/>
                    <a:pt x="68108" y="6916"/>
                    <a:pt x="68108" y="6916"/>
                  </a:cubicBezTo>
                  <a:cubicBezTo>
                    <a:pt x="68108" y="14178"/>
                    <a:pt x="68108" y="14178"/>
                    <a:pt x="68108" y="14178"/>
                  </a:cubicBezTo>
                  <a:cubicBezTo>
                    <a:pt x="68108" y="19020"/>
                    <a:pt x="68108" y="19020"/>
                    <a:pt x="68108" y="19020"/>
                  </a:cubicBezTo>
                  <a:cubicBezTo>
                    <a:pt x="73513" y="19020"/>
                    <a:pt x="73513" y="19020"/>
                    <a:pt x="73513" y="19020"/>
                  </a:cubicBezTo>
                  <a:cubicBezTo>
                    <a:pt x="73513" y="14178"/>
                    <a:pt x="73513" y="14178"/>
                    <a:pt x="73513" y="14178"/>
                  </a:cubicBezTo>
                  <a:cubicBezTo>
                    <a:pt x="73513" y="6916"/>
                    <a:pt x="73513" y="6916"/>
                    <a:pt x="73513" y="6916"/>
                  </a:cubicBezTo>
                  <a:cubicBezTo>
                    <a:pt x="73513" y="5533"/>
                    <a:pt x="77837" y="4149"/>
                    <a:pt x="82162" y="4149"/>
                  </a:cubicBezTo>
                  <a:cubicBezTo>
                    <a:pt x="87567" y="4149"/>
                    <a:pt x="90810" y="5533"/>
                    <a:pt x="90810" y="6916"/>
                  </a:cubicBezTo>
                  <a:cubicBezTo>
                    <a:pt x="90810" y="11757"/>
                    <a:pt x="90810" y="11757"/>
                    <a:pt x="90810" y="11757"/>
                  </a:cubicBezTo>
                  <a:cubicBezTo>
                    <a:pt x="90810" y="19020"/>
                    <a:pt x="90810" y="19020"/>
                    <a:pt x="90810" y="19020"/>
                  </a:cubicBezTo>
                  <a:cubicBezTo>
                    <a:pt x="90810" y="21440"/>
                    <a:pt x="90810" y="21440"/>
                    <a:pt x="90810" y="21440"/>
                  </a:cubicBezTo>
                  <a:cubicBezTo>
                    <a:pt x="97297" y="21440"/>
                    <a:pt x="97297" y="21440"/>
                    <a:pt x="97297" y="21440"/>
                  </a:cubicBezTo>
                  <a:cubicBezTo>
                    <a:pt x="97297" y="19020"/>
                    <a:pt x="97297" y="19020"/>
                    <a:pt x="97297" y="19020"/>
                  </a:cubicBezTo>
                  <a:cubicBezTo>
                    <a:pt x="97297" y="11757"/>
                    <a:pt x="97297" y="11757"/>
                    <a:pt x="97297" y="11757"/>
                  </a:cubicBezTo>
                  <a:cubicBezTo>
                    <a:pt x="97297" y="10374"/>
                    <a:pt x="100540" y="8991"/>
                    <a:pt x="104864" y="8991"/>
                  </a:cubicBezTo>
                  <a:cubicBezTo>
                    <a:pt x="110270" y="8991"/>
                    <a:pt x="113513" y="10374"/>
                    <a:pt x="113513" y="11757"/>
                  </a:cubicBezTo>
                  <a:cubicBezTo>
                    <a:pt x="113513" y="20403"/>
                    <a:pt x="113513" y="20403"/>
                    <a:pt x="113513" y="20403"/>
                  </a:cubicBezTo>
                  <a:cubicBezTo>
                    <a:pt x="113513" y="26282"/>
                    <a:pt x="113513" y="26282"/>
                    <a:pt x="113513" y="26282"/>
                  </a:cubicBezTo>
                  <a:cubicBezTo>
                    <a:pt x="113513" y="33544"/>
                    <a:pt x="113513" y="33544"/>
                    <a:pt x="113513" y="33544"/>
                  </a:cubicBezTo>
                  <a:cubicBezTo>
                    <a:pt x="113513" y="37348"/>
                    <a:pt x="108108" y="40806"/>
                    <a:pt x="98378" y="42881"/>
                  </a:cubicBezTo>
                  <a:cubicBezTo>
                    <a:pt x="98378" y="43919"/>
                    <a:pt x="98378" y="43919"/>
                    <a:pt x="98378" y="43919"/>
                  </a:cubicBezTo>
                  <a:cubicBezTo>
                    <a:pt x="98378" y="44956"/>
                    <a:pt x="98378" y="44956"/>
                    <a:pt x="98378" y="44956"/>
                  </a:cubicBezTo>
                  <a:cubicBezTo>
                    <a:pt x="98378" y="56714"/>
                    <a:pt x="98378" y="56714"/>
                    <a:pt x="98378" y="56714"/>
                  </a:cubicBezTo>
                  <a:cubicBezTo>
                    <a:pt x="32432" y="56714"/>
                    <a:pt x="32432" y="56714"/>
                    <a:pt x="32432" y="56714"/>
                  </a:cubicBezTo>
                  <a:cubicBezTo>
                    <a:pt x="32432" y="44956"/>
                    <a:pt x="32432" y="44956"/>
                    <a:pt x="32432" y="44956"/>
                  </a:cubicBezTo>
                  <a:cubicBezTo>
                    <a:pt x="32432" y="44265"/>
                    <a:pt x="32432" y="44265"/>
                    <a:pt x="32432" y="44265"/>
                  </a:cubicBezTo>
                  <a:cubicBezTo>
                    <a:pt x="32432" y="42881"/>
                    <a:pt x="32432" y="42881"/>
                    <a:pt x="32432" y="42881"/>
                  </a:cubicBezTo>
                  <a:cubicBezTo>
                    <a:pt x="16216" y="39769"/>
                    <a:pt x="5405" y="34582"/>
                    <a:pt x="5405" y="31123"/>
                  </a:cubicBezTo>
                  <a:cubicBezTo>
                    <a:pt x="5405" y="22478"/>
                    <a:pt x="5405" y="22478"/>
                    <a:pt x="5405" y="22478"/>
                  </a:cubicBezTo>
                  <a:cubicBezTo>
                    <a:pt x="0" y="22478"/>
                    <a:pt x="0" y="22478"/>
                    <a:pt x="0" y="22478"/>
                  </a:cubicBezTo>
                  <a:cubicBezTo>
                    <a:pt x="0" y="31123"/>
                    <a:pt x="0" y="31123"/>
                    <a:pt x="0" y="31123"/>
                  </a:cubicBezTo>
                  <a:cubicBezTo>
                    <a:pt x="0" y="34582"/>
                    <a:pt x="10810" y="40461"/>
                    <a:pt x="25945" y="4391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132" name="Google Shape;592;p39"/>
          <p:cNvGrpSpPr/>
          <p:nvPr/>
        </p:nvGrpSpPr>
        <p:grpSpPr>
          <a:xfrm>
            <a:off x="7130162" y="4757471"/>
            <a:ext cx="1436856" cy="1142979"/>
            <a:chOff x="9925050" y="4203700"/>
            <a:chExt cx="2267050" cy="1803375"/>
          </a:xfrm>
        </p:grpSpPr>
        <p:sp>
          <p:nvSpPr>
            <p:cNvPr id="133" name="Google Shape;593;p39"/>
            <p:cNvSpPr/>
            <p:nvPr/>
          </p:nvSpPr>
          <p:spPr>
            <a:xfrm>
              <a:off x="11336338" y="4922838"/>
              <a:ext cx="139800" cy="119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70909"/>
                  </a:moveTo>
                  <a:cubicBezTo>
                    <a:pt x="18461" y="0"/>
                    <a:pt x="18461" y="0"/>
                    <a:pt x="18461" y="0"/>
                  </a:cubicBezTo>
                  <a:cubicBezTo>
                    <a:pt x="13846" y="0"/>
                    <a:pt x="4615" y="0"/>
                    <a:pt x="4615" y="5454"/>
                  </a:cubicBezTo>
                  <a:cubicBezTo>
                    <a:pt x="0" y="10909"/>
                    <a:pt x="0" y="21818"/>
                    <a:pt x="9230" y="21818"/>
                  </a:cubicBezTo>
                  <a:cubicBezTo>
                    <a:pt x="78461" y="76363"/>
                    <a:pt x="78461" y="76363"/>
                    <a:pt x="78461" y="76363"/>
                  </a:cubicBezTo>
                  <a:cubicBezTo>
                    <a:pt x="9230" y="92727"/>
                    <a:pt x="9230" y="92727"/>
                    <a:pt x="9230" y="92727"/>
                  </a:cubicBezTo>
                  <a:cubicBezTo>
                    <a:pt x="4615" y="98181"/>
                    <a:pt x="0" y="103636"/>
                    <a:pt x="0" y="109090"/>
                  </a:cubicBezTo>
                  <a:cubicBezTo>
                    <a:pt x="4615" y="114545"/>
                    <a:pt x="9230" y="120000"/>
                    <a:pt x="13846" y="120000"/>
                  </a:cubicBezTo>
                  <a:cubicBezTo>
                    <a:pt x="13846" y="120000"/>
                    <a:pt x="13846" y="120000"/>
                    <a:pt x="13846" y="120000"/>
                  </a:cubicBezTo>
                  <a:cubicBezTo>
                    <a:pt x="110769" y="92727"/>
                    <a:pt x="110769" y="92727"/>
                    <a:pt x="110769" y="92727"/>
                  </a:cubicBezTo>
                  <a:cubicBezTo>
                    <a:pt x="115384" y="92727"/>
                    <a:pt x="115384" y="87272"/>
                    <a:pt x="115384" y="81818"/>
                  </a:cubicBezTo>
                  <a:cubicBezTo>
                    <a:pt x="120000" y="76363"/>
                    <a:pt x="115384" y="76363"/>
                    <a:pt x="110769" y="7090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4" name="Google Shape;594;p39"/>
            <p:cNvSpPr/>
            <p:nvPr/>
          </p:nvSpPr>
          <p:spPr>
            <a:xfrm>
              <a:off x="11137900" y="4498975"/>
              <a:ext cx="1054200" cy="1508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5228" y="70889"/>
                  </a:moveTo>
                  <a:cubicBezTo>
                    <a:pt x="14619" y="71316"/>
                    <a:pt x="14619" y="71316"/>
                    <a:pt x="14619" y="71743"/>
                  </a:cubicBezTo>
                  <a:cubicBezTo>
                    <a:pt x="14619" y="72170"/>
                    <a:pt x="15837" y="82846"/>
                    <a:pt x="42030" y="83274"/>
                  </a:cubicBezTo>
                  <a:cubicBezTo>
                    <a:pt x="42030" y="94804"/>
                    <a:pt x="42030" y="94804"/>
                    <a:pt x="42030" y="94804"/>
                  </a:cubicBezTo>
                  <a:cubicBezTo>
                    <a:pt x="20101" y="120000"/>
                    <a:pt x="20101" y="120000"/>
                    <a:pt x="20101" y="120000"/>
                  </a:cubicBezTo>
                  <a:cubicBezTo>
                    <a:pt x="23147" y="120000"/>
                    <a:pt x="23147" y="120000"/>
                    <a:pt x="23147" y="120000"/>
                  </a:cubicBezTo>
                  <a:cubicBezTo>
                    <a:pt x="44467" y="95658"/>
                    <a:pt x="44467" y="95658"/>
                    <a:pt x="44467" y="95658"/>
                  </a:cubicBezTo>
                  <a:cubicBezTo>
                    <a:pt x="44467" y="95231"/>
                    <a:pt x="44467" y="95231"/>
                    <a:pt x="44467" y="94804"/>
                  </a:cubicBezTo>
                  <a:cubicBezTo>
                    <a:pt x="44467" y="82419"/>
                    <a:pt x="44467" y="82419"/>
                    <a:pt x="44467" y="82419"/>
                  </a:cubicBezTo>
                  <a:cubicBezTo>
                    <a:pt x="44467" y="81565"/>
                    <a:pt x="43857" y="81138"/>
                    <a:pt x="43248" y="81138"/>
                  </a:cubicBezTo>
                  <a:cubicBezTo>
                    <a:pt x="21928" y="81138"/>
                    <a:pt x="18274" y="74306"/>
                    <a:pt x="17664" y="72170"/>
                  </a:cubicBezTo>
                  <a:cubicBezTo>
                    <a:pt x="33502" y="64483"/>
                    <a:pt x="33502" y="64483"/>
                    <a:pt x="33502" y="64483"/>
                  </a:cubicBezTo>
                  <a:cubicBezTo>
                    <a:pt x="34111" y="64056"/>
                    <a:pt x="34111" y="63629"/>
                    <a:pt x="34111" y="63202"/>
                  </a:cubicBezTo>
                  <a:cubicBezTo>
                    <a:pt x="34111" y="63202"/>
                    <a:pt x="33502" y="62775"/>
                    <a:pt x="33502" y="62775"/>
                  </a:cubicBezTo>
                  <a:cubicBezTo>
                    <a:pt x="10964" y="57651"/>
                    <a:pt x="10964" y="57651"/>
                    <a:pt x="10964" y="57651"/>
                  </a:cubicBezTo>
                  <a:cubicBezTo>
                    <a:pt x="13401" y="52526"/>
                    <a:pt x="13401" y="52526"/>
                    <a:pt x="13401" y="52526"/>
                  </a:cubicBezTo>
                  <a:cubicBezTo>
                    <a:pt x="13401" y="52099"/>
                    <a:pt x="13401" y="51672"/>
                    <a:pt x="12791" y="51245"/>
                  </a:cubicBezTo>
                  <a:cubicBezTo>
                    <a:pt x="3654" y="47829"/>
                    <a:pt x="3654" y="47829"/>
                    <a:pt x="3654" y="47829"/>
                  </a:cubicBezTo>
                  <a:cubicBezTo>
                    <a:pt x="14619" y="36725"/>
                    <a:pt x="14619" y="36725"/>
                    <a:pt x="14619" y="36725"/>
                  </a:cubicBezTo>
                  <a:cubicBezTo>
                    <a:pt x="15228" y="36725"/>
                    <a:pt x="15228" y="36298"/>
                    <a:pt x="15228" y="36298"/>
                  </a:cubicBezTo>
                  <a:cubicBezTo>
                    <a:pt x="15228" y="21352"/>
                    <a:pt x="19492" y="17081"/>
                    <a:pt x="19492" y="17081"/>
                  </a:cubicBezTo>
                  <a:cubicBezTo>
                    <a:pt x="20101" y="17081"/>
                    <a:pt x="20101" y="16654"/>
                    <a:pt x="19492" y="16227"/>
                  </a:cubicBezTo>
                  <a:cubicBezTo>
                    <a:pt x="19492" y="15800"/>
                    <a:pt x="18883" y="15800"/>
                    <a:pt x="18274" y="15800"/>
                  </a:cubicBezTo>
                  <a:cubicBezTo>
                    <a:pt x="18274" y="15800"/>
                    <a:pt x="18274" y="15800"/>
                    <a:pt x="18274" y="15800"/>
                  </a:cubicBezTo>
                  <a:cubicBezTo>
                    <a:pt x="14619" y="15800"/>
                    <a:pt x="12182" y="16654"/>
                    <a:pt x="10355" y="17508"/>
                  </a:cubicBezTo>
                  <a:cubicBezTo>
                    <a:pt x="12182" y="14092"/>
                    <a:pt x="15228" y="11103"/>
                    <a:pt x="19492" y="8540"/>
                  </a:cubicBezTo>
                  <a:cubicBezTo>
                    <a:pt x="24974" y="5551"/>
                    <a:pt x="35939" y="2135"/>
                    <a:pt x="55431" y="4270"/>
                  </a:cubicBezTo>
                  <a:cubicBezTo>
                    <a:pt x="101116" y="9822"/>
                    <a:pt x="103553" y="35871"/>
                    <a:pt x="103553" y="36298"/>
                  </a:cubicBezTo>
                  <a:cubicBezTo>
                    <a:pt x="103553" y="36298"/>
                    <a:pt x="103553" y="36298"/>
                    <a:pt x="103553" y="36725"/>
                  </a:cubicBezTo>
                  <a:cubicBezTo>
                    <a:pt x="103553" y="38007"/>
                    <a:pt x="104162" y="52526"/>
                    <a:pt x="104162" y="62348"/>
                  </a:cubicBezTo>
                  <a:cubicBezTo>
                    <a:pt x="103553" y="62775"/>
                    <a:pt x="102944" y="71316"/>
                    <a:pt x="109035" y="75587"/>
                  </a:cubicBezTo>
                  <a:cubicBezTo>
                    <a:pt x="109644" y="76441"/>
                    <a:pt x="110862" y="76868"/>
                    <a:pt x="112081" y="77295"/>
                  </a:cubicBezTo>
                  <a:cubicBezTo>
                    <a:pt x="105380" y="78149"/>
                    <a:pt x="94416" y="79003"/>
                    <a:pt x="87106" y="77722"/>
                  </a:cubicBezTo>
                  <a:cubicBezTo>
                    <a:pt x="86497" y="77722"/>
                    <a:pt x="85888" y="77722"/>
                    <a:pt x="85888" y="78149"/>
                  </a:cubicBezTo>
                  <a:cubicBezTo>
                    <a:pt x="85279" y="78149"/>
                    <a:pt x="85279" y="78576"/>
                    <a:pt x="85279" y="78576"/>
                  </a:cubicBezTo>
                  <a:cubicBezTo>
                    <a:pt x="85279" y="87117"/>
                    <a:pt x="85279" y="87117"/>
                    <a:pt x="85279" y="87117"/>
                  </a:cubicBezTo>
                  <a:cubicBezTo>
                    <a:pt x="85279" y="87544"/>
                    <a:pt x="85279" y="87971"/>
                    <a:pt x="85888" y="87971"/>
                  </a:cubicBezTo>
                  <a:cubicBezTo>
                    <a:pt x="90761" y="91387"/>
                    <a:pt x="90761" y="91387"/>
                    <a:pt x="90761" y="91387"/>
                  </a:cubicBezTo>
                  <a:cubicBezTo>
                    <a:pt x="101725" y="99074"/>
                    <a:pt x="107817" y="109323"/>
                    <a:pt x="108426" y="120000"/>
                  </a:cubicBezTo>
                  <a:cubicBezTo>
                    <a:pt x="111472" y="120000"/>
                    <a:pt x="111472" y="120000"/>
                    <a:pt x="111472" y="120000"/>
                  </a:cubicBezTo>
                  <a:cubicBezTo>
                    <a:pt x="110862" y="108896"/>
                    <a:pt x="104162" y="98220"/>
                    <a:pt x="92588" y="90106"/>
                  </a:cubicBezTo>
                  <a:cubicBezTo>
                    <a:pt x="88324" y="86690"/>
                    <a:pt x="88324" y="86690"/>
                    <a:pt x="88324" y="86690"/>
                  </a:cubicBezTo>
                  <a:cubicBezTo>
                    <a:pt x="88324" y="79857"/>
                    <a:pt x="88324" y="79857"/>
                    <a:pt x="88324" y="79857"/>
                  </a:cubicBezTo>
                  <a:cubicBezTo>
                    <a:pt x="100507" y="81565"/>
                    <a:pt x="118172" y="78576"/>
                    <a:pt x="118781" y="78576"/>
                  </a:cubicBezTo>
                  <a:cubicBezTo>
                    <a:pt x="120000" y="78576"/>
                    <a:pt x="120000" y="78149"/>
                    <a:pt x="120000" y="77295"/>
                  </a:cubicBezTo>
                  <a:cubicBezTo>
                    <a:pt x="120000" y="76868"/>
                    <a:pt x="119390" y="76441"/>
                    <a:pt x="118781" y="76441"/>
                  </a:cubicBezTo>
                  <a:cubicBezTo>
                    <a:pt x="115736" y="76441"/>
                    <a:pt x="113299" y="76014"/>
                    <a:pt x="110862" y="74306"/>
                  </a:cubicBezTo>
                  <a:cubicBezTo>
                    <a:pt x="105989" y="70462"/>
                    <a:pt x="106598" y="62348"/>
                    <a:pt x="106598" y="62348"/>
                  </a:cubicBezTo>
                  <a:cubicBezTo>
                    <a:pt x="106598" y="62348"/>
                    <a:pt x="106598" y="62348"/>
                    <a:pt x="106598" y="62348"/>
                  </a:cubicBezTo>
                  <a:cubicBezTo>
                    <a:pt x="106598" y="62348"/>
                    <a:pt x="106598" y="55943"/>
                    <a:pt x="106598" y="49110"/>
                  </a:cubicBezTo>
                  <a:cubicBezTo>
                    <a:pt x="106598" y="46120"/>
                    <a:pt x="106598" y="42704"/>
                    <a:pt x="106598" y="40569"/>
                  </a:cubicBezTo>
                  <a:cubicBezTo>
                    <a:pt x="106598" y="38434"/>
                    <a:pt x="106598" y="37153"/>
                    <a:pt x="106598" y="36298"/>
                  </a:cubicBezTo>
                  <a:cubicBezTo>
                    <a:pt x="106598" y="36298"/>
                    <a:pt x="106598" y="36298"/>
                    <a:pt x="106598" y="36298"/>
                  </a:cubicBezTo>
                  <a:cubicBezTo>
                    <a:pt x="106598" y="35444"/>
                    <a:pt x="105380" y="28185"/>
                    <a:pt x="98680" y="20925"/>
                  </a:cubicBezTo>
                  <a:cubicBezTo>
                    <a:pt x="92588" y="14092"/>
                    <a:pt x="80406" y="5124"/>
                    <a:pt x="56040" y="2562"/>
                  </a:cubicBezTo>
                  <a:cubicBezTo>
                    <a:pt x="35329" y="0"/>
                    <a:pt x="23756" y="3416"/>
                    <a:pt x="17664" y="7259"/>
                  </a:cubicBezTo>
                  <a:cubicBezTo>
                    <a:pt x="10964" y="10676"/>
                    <a:pt x="7309" y="15373"/>
                    <a:pt x="6700" y="20498"/>
                  </a:cubicBezTo>
                  <a:cubicBezTo>
                    <a:pt x="6700" y="21352"/>
                    <a:pt x="7309" y="21779"/>
                    <a:pt x="7918" y="21779"/>
                  </a:cubicBezTo>
                  <a:cubicBezTo>
                    <a:pt x="8527" y="21779"/>
                    <a:pt x="9137" y="21779"/>
                    <a:pt x="9137" y="21352"/>
                  </a:cubicBezTo>
                  <a:cubicBezTo>
                    <a:pt x="9137" y="21352"/>
                    <a:pt x="11573" y="18790"/>
                    <a:pt x="15837" y="17935"/>
                  </a:cubicBezTo>
                  <a:cubicBezTo>
                    <a:pt x="14619" y="20498"/>
                    <a:pt x="12182" y="25622"/>
                    <a:pt x="12182" y="35871"/>
                  </a:cubicBezTo>
                  <a:cubicBezTo>
                    <a:pt x="609" y="47402"/>
                    <a:pt x="609" y="47402"/>
                    <a:pt x="609" y="47402"/>
                  </a:cubicBezTo>
                  <a:cubicBezTo>
                    <a:pt x="0" y="47829"/>
                    <a:pt x="0" y="47829"/>
                    <a:pt x="0" y="48256"/>
                  </a:cubicBezTo>
                  <a:cubicBezTo>
                    <a:pt x="609" y="48683"/>
                    <a:pt x="609" y="48683"/>
                    <a:pt x="1218" y="49110"/>
                  </a:cubicBezTo>
                  <a:cubicBezTo>
                    <a:pt x="10355" y="52526"/>
                    <a:pt x="10355" y="52526"/>
                    <a:pt x="10355" y="52526"/>
                  </a:cubicBezTo>
                  <a:cubicBezTo>
                    <a:pt x="7309" y="58078"/>
                    <a:pt x="7309" y="58078"/>
                    <a:pt x="7309" y="58078"/>
                  </a:cubicBezTo>
                  <a:cubicBezTo>
                    <a:pt x="7309" y="58078"/>
                    <a:pt x="7309" y="58505"/>
                    <a:pt x="7918" y="58932"/>
                  </a:cubicBezTo>
                  <a:cubicBezTo>
                    <a:pt x="7918" y="58932"/>
                    <a:pt x="7918" y="59359"/>
                    <a:pt x="8527" y="59359"/>
                  </a:cubicBezTo>
                  <a:cubicBezTo>
                    <a:pt x="29847" y="64056"/>
                    <a:pt x="29847" y="64056"/>
                    <a:pt x="29847" y="64056"/>
                  </a:cubicBezTo>
                  <a:lnTo>
                    <a:pt x="15228" y="7088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5" name="Google Shape;595;p39"/>
            <p:cNvSpPr/>
            <p:nvPr/>
          </p:nvSpPr>
          <p:spPr>
            <a:xfrm>
              <a:off x="9925050" y="4203700"/>
              <a:ext cx="1133400" cy="1073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8301" y="0"/>
                  </a:moveTo>
                  <a:cubicBezTo>
                    <a:pt x="1698" y="0"/>
                    <a:pt x="1698" y="0"/>
                    <a:pt x="1698" y="0"/>
                  </a:cubicBezTo>
                  <a:cubicBezTo>
                    <a:pt x="566" y="0"/>
                    <a:pt x="0" y="600"/>
                    <a:pt x="0" y="1800"/>
                  </a:cubicBezTo>
                  <a:cubicBezTo>
                    <a:pt x="0" y="97200"/>
                    <a:pt x="0" y="97200"/>
                    <a:pt x="0" y="97200"/>
                  </a:cubicBezTo>
                  <a:cubicBezTo>
                    <a:pt x="0" y="97800"/>
                    <a:pt x="566" y="98400"/>
                    <a:pt x="1698" y="98400"/>
                  </a:cubicBezTo>
                  <a:cubicBezTo>
                    <a:pt x="78113" y="98400"/>
                    <a:pt x="78113" y="98400"/>
                    <a:pt x="78113" y="98400"/>
                  </a:cubicBezTo>
                  <a:cubicBezTo>
                    <a:pt x="107547" y="120000"/>
                    <a:pt x="107547" y="120000"/>
                    <a:pt x="107547" y="120000"/>
                  </a:cubicBezTo>
                  <a:cubicBezTo>
                    <a:pt x="108113" y="120000"/>
                    <a:pt x="108113" y="120000"/>
                    <a:pt x="108679" y="120000"/>
                  </a:cubicBezTo>
                  <a:cubicBezTo>
                    <a:pt x="108679" y="120000"/>
                    <a:pt x="109245" y="120000"/>
                    <a:pt x="109245" y="120000"/>
                  </a:cubicBezTo>
                  <a:cubicBezTo>
                    <a:pt x="109811" y="119400"/>
                    <a:pt x="109811" y="118800"/>
                    <a:pt x="109811" y="118200"/>
                  </a:cubicBezTo>
                  <a:cubicBezTo>
                    <a:pt x="100754" y="98400"/>
                    <a:pt x="100754" y="98400"/>
                    <a:pt x="100754" y="98400"/>
                  </a:cubicBezTo>
                  <a:cubicBezTo>
                    <a:pt x="118301" y="98400"/>
                    <a:pt x="118301" y="98400"/>
                    <a:pt x="118301" y="98400"/>
                  </a:cubicBezTo>
                  <a:cubicBezTo>
                    <a:pt x="119433" y="98400"/>
                    <a:pt x="120000" y="97800"/>
                    <a:pt x="120000" y="97200"/>
                  </a:cubicBezTo>
                  <a:cubicBezTo>
                    <a:pt x="120000" y="1800"/>
                    <a:pt x="120000" y="1800"/>
                    <a:pt x="120000" y="1800"/>
                  </a:cubicBezTo>
                  <a:cubicBezTo>
                    <a:pt x="120000" y="600"/>
                    <a:pt x="119433" y="0"/>
                    <a:pt x="118301" y="0"/>
                  </a:cubicBezTo>
                  <a:close/>
                  <a:moveTo>
                    <a:pt x="117169" y="96000"/>
                  </a:moveTo>
                  <a:cubicBezTo>
                    <a:pt x="99056" y="96000"/>
                    <a:pt x="99056" y="96000"/>
                    <a:pt x="99056" y="96000"/>
                  </a:cubicBezTo>
                  <a:cubicBezTo>
                    <a:pt x="98490" y="96000"/>
                    <a:pt x="97924" y="96000"/>
                    <a:pt x="97924" y="96600"/>
                  </a:cubicBezTo>
                  <a:cubicBezTo>
                    <a:pt x="97358" y="96600"/>
                    <a:pt x="97358" y="97200"/>
                    <a:pt x="97358" y="97800"/>
                  </a:cubicBezTo>
                  <a:cubicBezTo>
                    <a:pt x="105283" y="114600"/>
                    <a:pt x="105283" y="114600"/>
                    <a:pt x="105283" y="114600"/>
                  </a:cubicBezTo>
                  <a:cubicBezTo>
                    <a:pt x="79245" y="96000"/>
                    <a:pt x="79245" y="96000"/>
                    <a:pt x="79245" y="96000"/>
                  </a:cubicBezTo>
                  <a:cubicBezTo>
                    <a:pt x="79245" y="96000"/>
                    <a:pt x="78679" y="96000"/>
                    <a:pt x="78679" y="96000"/>
                  </a:cubicBezTo>
                  <a:cubicBezTo>
                    <a:pt x="2830" y="96000"/>
                    <a:pt x="2830" y="96000"/>
                    <a:pt x="2830" y="96000"/>
                  </a:cubicBezTo>
                  <a:cubicBezTo>
                    <a:pt x="2830" y="3000"/>
                    <a:pt x="2830" y="3000"/>
                    <a:pt x="2830" y="3000"/>
                  </a:cubicBezTo>
                  <a:cubicBezTo>
                    <a:pt x="117169" y="3000"/>
                    <a:pt x="117169" y="3000"/>
                    <a:pt x="117169" y="3000"/>
                  </a:cubicBezTo>
                  <a:lnTo>
                    <a:pt x="117169" y="9600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6" name="Google Shape;596;p39"/>
            <p:cNvSpPr/>
            <p:nvPr/>
          </p:nvSpPr>
          <p:spPr>
            <a:xfrm>
              <a:off x="10421938" y="4832350"/>
              <a:ext cx="1398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0"/>
                  </a:moveTo>
                  <a:cubicBezTo>
                    <a:pt x="9230" y="0"/>
                    <a:pt x="9230" y="0"/>
                    <a:pt x="9230" y="0"/>
                  </a:cubicBezTo>
                  <a:cubicBezTo>
                    <a:pt x="4615" y="0"/>
                    <a:pt x="0" y="24000"/>
                    <a:pt x="0" y="48000"/>
                  </a:cubicBezTo>
                  <a:cubicBezTo>
                    <a:pt x="0" y="96000"/>
                    <a:pt x="4615" y="120000"/>
                    <a:pt x="9230" y="120000"/>
                  </a:cubicBezTo>
                  <a:cubicBezTo>
                    <a:pt x="110769" y="120000"/>
                    <a:pt x="110769" y="120000"/>
                    <a:pt x="110769" y="120000"/>
                  </a:cubicBezTo>
                  <a:cubicBezTo>
                    <a:pt x="115384" y="120000"/>
                    <a:pt x="120000" y="96000"/>
                    <a:pt x="120000" y="48000"/>
                  </a:cubicBezTo>
                  <a:cubicBezTo>
                    <a:pt x="120000" y="24000"/>
                    <a:pt x="115384" y="0"/>
                    <a:pt x="110769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7" name="Google Shape;597;p39"/>
            <p:cNvSpPr/>
            <p:nvPr/>
          </p:nvSpPr>
          <p:spPr>
            <a:xfrm>
              <a:off x="10421938" y="4875213"/>
              <a:ext cx="1398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0"/>
                  </a:moveTo>
                  <a:cubicBezTo>
                    <a:pt x="9230" y="0"/>
                    <a:pt x="9230" y="0"/>
                    <a:pt x="9230" y="0"/>
                  </a:cubicBezTo>
                  <a:cubicBezTo>
                    <a:pt x="4615" y="0"/>
                    <a:pt x="0" y="30000"/>
                    <a:pt x="0" y="60000"/>
                  </a:cubicBezTo>
                  <a:cubicBezTo>
                    <a:pt x="0" y="90000"/>
                    <a:pt x="4615" y="120000"/>
                    <a:pt x="9230" y="120000"/>
                  </a:cubicBezTo>
                  <a:cubicBezTo>
                    <a:pt x="110769" y="120000"/>
                    <a:pt x="110769" y="120000"/>
                    <a:pt x="110769" y="120000"/>
                  </a:cubicBezTo>
                  <a:cubicBezTo>
                    <a:pt x="115384" y="120000"/>
                    <a:pt x="120000" y="90000"/>
                    <a:pt x="120000" y="60000"/>
                  </a:cubicBezTo>
                  <a:cubicBezTo>
                    <a:pt x="120000" y="30000"/>
                    <a:pt x="115384" y="0"/>
                    <a:pt x="110769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8" name="Google Shape;598;p39"/>
            <p:cNvSpPr/>
            <p:nvPr/>
          </p:nvSpPr>
          <p:spPr>
            <a:xfrm>
              <a:off x="10442575" y="4913313"/>
              <a:ext cx="96900" cy="255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00000" y="0"/>
                  </a:moveTo>
                  <a:cubicBezTo>
                    <a:pt x="20000" y="0"/>
                    <a:pt x="20000" y="0"/>
                    <a:pt x="20000" y="0"/>
                  </a:cubicBezTo>
                  <a:cubicBezTo>
                    <a:pt x="6666" y="0"/>
                    <a:pt x="0" y="24000"/>
                    <a:pt x="0" y="48000"/>
                  </a:cubicBezTo>
                  <a:cubicBezTo>
                    <a:pt x="0" y="96000"/>
                    <a:pt x="6666" y="120000"/>
                    <a:pt x="20000" y="120000"/>
                  </a:cubicBezTo>
                  <a:cubicBezTo>
                    <a:pt x="100000" y="120000"/>
                    <a:pt x="100000" y="120000"/>
                    <a:pt x="100000" y="120000"/>
                  </a:cubicBezTo>
                  <a:cubicBezTo>
                    <a:pt x="113333" y="120000"/>
                    <a:pt x="120000" y="96000"/>
                    <a:pt x="120000" y="48000"/>
                  </a:cubicBezTo>
                  <a:cubicBezTo>
                    <a:pt x="120000" y="24000"/>
                    <a:pt x="113333" y="0"/>
                    <a:pt x="10000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9" name="Google Shape;599;p39"/>
            <p:cNvSpPr/>
            <p:nvPr/>
          </p:nvSpPr>
          <p:spPr>
            <a:xfrm>
              <a:off x="10480675" y="4333875"/>
              <a:ext cx="22200" cy="906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60000" y="120000"/>
                  </a:moveTo>
                  <a:cubicBezTo>
                    <a:pt x="90000" y="120000"/>
                    <a:pt x="120000" y="112941"/>
                    <a:pt x="120000" y="105882"/>
                  </a:cubicBezTo>
                  <a:cubicBezTo>
                    <a:pt x="120000" y="14117"/>
                    <a:pt x="120000" y="14117"/>
                    <a:pt x="120000" y="14117"/>
                  </a:cubicBezTo>
                  <a:cubicBezTo>
                    <a:pt x="120000" y="7058"/>
                    <a:pt x="90000" y="0"/>
                    <a:pt x="60000" y="0"/>
                  </a:cubicBezTo>
                  <a:cubicBezTo>
                    <a:pt x="30000" y="0"/>
                    <a:pt x="0" y="7058"/>
                    <a:pt x="0" y="14117"/>
                  </a:cubicBezTo>
                  <a:cubicBezTo>
                    <a:pt x="0" y="105882"/>
                    <a:pt x="0" y="105882"/>
                    <a:pt x="0" y="105882"/>
                  </a:cubicBezTo>
                  <a:cubicBezTo>
                    <a:pt x="0" y="112941"/>
                    <a:pt x="30000" y="120000"/>
                    <a:pt x="60000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0" name="Google Shape;600;p39"/>
            <p:cNvSpPr/>
            <p:nvPr/>
          </p:nvSpPr>
          <p:spPr>
            <a:xfrm>
              <a:off x="10679113" y="4602163"/>
              <a:ext cx="747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0" y="60000"/>
                  </a:moveTo>
                  <a:cubicBezTo>
                    <a:pt x="0" y="90000"/>
                    <a:pt x="8571" y="120000"/>
                    <a:pt x="17142" y="120000"/>
                  </a:cubicBezTo>
                  <a:cubicBezTo>
                    <a:pt x="102857" y="120000"/>
                    <a:pt x="102857" y="120000"/>
                    <a:pt x="102857" y="120000"/>
                  </a:cubicBezTo>
                  <a:cubicBezTo>
                    <a:pt x="111428" y="120000"/>
                    <a:pt x="119999" y="90000"/>
                    <a:pt x="119999" y="60000"/>
                  </a:cubicBezTo>
                  <a:cubicBezTo>
                    <a:pt x="119999" y="30000"/>
                    <a:pt x="111428" y="0"/>
                    <a:pt x="102857" y="0"/>
                  </a:cubicBezTo>
                  <a:cubicBezTo>
                    <a:pt x="17142" y="0"/>
                    <a:pt x="17142" y="0"/>
                    <a:pt x="17142" y="0"/>
                  </a:cubicBezTo>
                  <a:cubicBezTo>
                    <a:pt x="8571" y="0"/>
                    <a:pt x="0" y="30000"/>
                    <a:pt x="0" y="6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1" name="Google Shape;601;p39"/>
            <p:cNvSpPr/>
            <p:nvPr/>
          </p:nvSpPr>
          <p:spPr>
            <a:xfrm>
              <a:off x="10229850" y="4602163"/>
              <a:ext cx="747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7142" y="120000"/>
                  </a:moveTo>
                  <a:cubicBezTo>
                    <a:pt x="102857" y="120000"/>
                    <a:pt x="102857" y="120000"/>
                    <a:pt x="102857" y="120000"/>
                  </a:cubicBezTo>
                  <a:cubicBezTo>
                    <a:pt x="111428" y="120000"/>
                    <a:pt x="119999" y="90000"/>
                    <a:pt x="119999" y="60000"/>
                  </a:cubicBezTo>
                  <a:cubicBezTo>
                    <a:pt x="119999" y="30000"/>
                    <a:pt x="111428" y="0"/>
                    <a:pt x="102857" y="0"/>
                  </a:cubicBezTo>
                  <a:cubicBezTo>
                    <a:pt x="17142" y="0"/>
                    <a:pt x="17142" y="0"/>
                    <a:pt x="17142" y="0"/>
                  </a:cubicBezTo>
                  <a:cubicBezTo>
                    <a:pt x="8571" y="0"/>
                    <a:pt x="0" y="30000"/>
                    <a:pt x="0" y="60000"/>
                  </a:cubicBezTo>
                  <a:cubicBezTo>
                    <a:pt x="0" y="90000"/>
                    <a:pt x="8571" y="120000"/>
                    <a:pt x="17142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2" name="Google Shape;602;p39"/>
            <p:cNvSpPr/>
            <p:nvPr/>
          </p:nvSpPr>
          <p:spPr>
            <a:xfrm>
              <a:off x="10282238" y="4402138"/>
              <a:ext cx="81000" cy="81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8000" y="112000"/>
                  </a:moveTo>
                  <a:cubicBezTo>
                    <a:pt x="88000" y="120000"/>
                    <a:pt x="96000" y="120000"/>
                    <a:pt x="104000" y="120000"/>
                  </a:cubicBezTo>
                  <a:cubicBezTo>
                    <a:pt x="104000" y="120000"/>
                    <a:pt x="112000" y="120000"/>
                    <a:pt x="112000" y="112000"/>
                  </a:cubicBezTo>
                  <a:cubicBezTo>
                    <a:pt x="120000" y="112000"/>
                    <a:pt x="120000" y="96000"/>
                    <a:pt x="112000" y="88000"/>
                  </a:cubicBezTo>
                  <a:cubicBezTo>
                    <a:pt x="32000" y="8000"/>
                    <a:pt x="32000" y="8000"/>
                    <a:pt x="32000" y="8000"/>
                  </a:cubicBezTo>
                  <a:cubicBezTo>
                    <a:pt x="32000" y="0"/>
                    <a:pt x="16000" y="0"/>
                    <a:pt x="8000" y="8000"/>
                  </a:cubicBezTo>
                  <a:cubicBezTo>
                    <a:pt x="0" y="16000"/>
                    <a:pt x="0" y="32000"/>
                    <a:pt x="8000" y="40000"/>
                  </a:cubicBezTo>
                  <a:lnTo>
                    <a:pt x="88000" y="11200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3" name="Google Shape;603;p39"/>
            <p:cNvSpPr/>
            <p:nvPr/>
          </p:nvSpPr>
          <p:spPr>
            <a:xfrm>
              <a:off x="10620375" y="4402138"/>
              <a:ext cx="79500" cy="81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6000" y="120000"/>
                  </a:moveTo>
                  <a:cubicBezTo>
                    <a:pt x="24000" y="120000"/>
                    <a:pt x="32000" y="120000"/>
                    <a:pt x="32000" y="112000"/>
                  </a:cubicBezTo>
                  <a:cubicBezTo>
                    <a:pt x="112000" y="40000"/>
                    <a:pt x="112000" y="40000"/>
                    <a:pt x="112000" y="40000"/>
                  </a:cubicBezTo>
                  <a:cubicBezTo>
                    <a:pt x="120000" y="32000"/>
                    <a:pt x="120000" y="16000"/>
                    <a:pt x="112000" y="8000"/>
                  </a:cubicBezTo>
                  <a:cubicBezTo>
                    <a:pt x="104000" y="0"/>
                    <a:pt x="88000" y="0"/>
                    <a:pt x="88000" y="8000"/>
                  </a:cubicBezTo>
                  <a:cubicBezTo>
                    <a:pt x="8000" y="88000"/>
                    <a:pt x="8000" y="88000"/>
                    <a:pt x="8000" y="88000"/>
                  </a:cubicBezTo>
                  <a:cubicBezTo>
                    <a:pt x="0" y="96000"/>
                    <a:pt x="0" y="112000"/>
                    <a:pt x="8000" y="112000"/>
                  </a:cubicBezTo>
                  <a:cubicBezTo>
                    <a:pt x="8000" y="120000"/>
                    <a:pt x="16000" y="120000"/>
                    <a:pt x="16000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4" name="Google Shape;604;p39"/>
            <p:cNvSpPr/>
            <p:nvPr/>
          </p:nvSpPr>
          <p:spPr>
            <a:xfrm>
              <a:off x="10347325" y="4478338"/>
              <a:ext cx="288900" cy="3318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7777" y="89032"/>
                  </a:moveTo>
                  <a:cubicBezTo>
                    <a:pt x="26666" y="96774"/>
                    <a:pt x="31111" y="106451"/>
                    <a:pt x="31111" y="116129"/>
                  </a:cubicBezTo>
                  <a:cubicBezTo>
                    <a:pt x="31111" y="118064"/>
                    <a:pt x="33333" y="120000"/>
                    <a:pt x="35555" y="120000"/>
                  </a:cubicBezTo>
                  <a:cubicBezTo>
                    <a:pt x="82222" y="120000"/>
                    <a:pt x="82222" y="120000"/>
                    <a:pt x="82222" y="120000"/>
                  </a:cubicBezTo>
                  <a:cubicBezTo>
                    <a:pt x="84444" y="120000"/>
                    <a:pt x="86666" y="118064"/>
                    <a:pt x="86666" y="116129"/>
                  </a:cubicBezTo>
                  <a:cubicBezTo>
                    <a:pt x="86666" y="114193"/>
                    <a:pt x="86666" y="114193"/>
                    <a:pt x="86666" y="114193"/>
                  </a:cubicBezTo>
                  <a:cubicBezTo>
                    <a:pt x="86666" y="106451"/>
                    <a:pt x="91111" y="96774"/>
                    <a:pt x="100000" y="90967"/>
                  </a:cubicBezTo>
                  <a:cubicBezTo>
                    <a:pt x="113333" y="81290"/>
                    <a:pt x="120000" y="67741"/>
                    <a:pt x="120000" y="52258"/>
                  </a:cubicBezTo>
                  <a:cubicBezTo>
                    <a:pt x="120000" y="38709"/>
                    <a:pt x="111111" y="25161"/>
                    <a:pt x="100000" y="15483"/>
                  </a:cubicBezTo>
                  <a:cubicBezTo>
                    <a:pt x="86666" y="3870"/>
                    <a:pt x="68888" y="0"/>
                    <a:pt x="53333" y="1935"/>
                  </a:cubicBezTo>
                  <a:cubicBezTo>
                    <a:pt x="26666" y="3870"/>
                    <a:pt x="4444" y="23225"/>
                    <a:pt x="0" y="46451"/>
                  </a:cubicBezTo>
                  <a:cubicBezTo>
                    <a:pt x="0" y="63870"/>
                    <a:pt x="4444" y="79354"/>
                    <a:pt x="17777" y="89032"/>
                  </a:cubicBezTo>
                  <a:close/>
                  <a:moveTo>
                    <a:pt x="11111" y="48387"/>
                  </a:moveTo>
                  <a:cubicBezTo>
                    <a:pt x="13333" y="29032"/>
                    <a:pt x="31111" y="13548"/>
                    <a:pt x="53333" y="11612"/>
                  </a:cubicBezTo>
                  <a:cubicBezTo>
                    <a:pt x="68888" y="9677"/>
                    <a:pt x="82222" y="13548"/>
                    <a:pt x="93333" y="21290"/>
                  </a:cubicBezTo>
                  <a:cubicBezTo>
                    <a:pt x="102222" y="29032"/>
                    <a:pt x="108888" y="40645"/>
                    <a:pt x="108888" y="52258"/>
                  </a:cubicBezTo>
                  <a:cubicBezTo>
                    <a:pt x="108888" y="65806"/>
                    <a:pt x="102222" y="75483"/>
                    <a:pt x="93333" y="85161"/>
                  </a:cubicBezTo>
                  <a:cubicBezTo>
                    <a:pt x="84444" y="90967"/>
                    <a:pt x="77777" y="102580"/>
                    <a:pt x="77777" y="112258"/>
                  </a:cubicBezTo>
                  <a:cubicBezTo>
                    <a:pt x="40000" y="112258"/>
                    <a:pt x="40000" y="112258"/>
                    <a:pt x="40000" y="112258"/>
                  </a:cubicBezTo>
                  <a:cubicBezTo>
                    <a:pt x="40000" y="100645"/>
                    <a:pt x="33333" y="90967"/>
                    <a:pt x="26666" y="83225"/>
                  </a:cubicBezTo>
                  <a:cubicBezTo>
                    <a:pt x="15555" y="73548"/>
                    <a:pt x="8888" y="61935"/>
                    <a:pt x="11111" y="48387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102721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590430" y="1201182"/>
            <a:ext cx="7859216" cy="499626"/>
          </a:xfrm>
        </p:spPr>
        <p:txBody>
          <a:bodyPr>
            <a:normAutofit fontScale="90000"/>
          </a:bodyPr>
          <a:lstStyle/>
          <a:p>
            <a:r>
              <a:rPr lang="kk-KZ" dirty="0" smtClean="0">
                <a:solidFill>
                  <a:schemeClr val="bg1"/>
                </a:solidFill>
              </a:rPr>
              <a:t>Извлечение счетов-фактур</a:t>
            </a:r>
            <a:endParaRPr lang="ru-RU" dirty="0">
              <a:solidFill>
                <a:schemeClr val="bg1"/>
              </a:solidFill>
            </a:endParaRPr>
          </a:p>
        </p:txBody>
      </p:sp>
      <p:graphicFrame>
        <p:nvGraphicFramePr>
          <p:cNvPr id="4" name="Схема 3"/>
          <p:cNvGraphicFramePr/>
          <p:nvPr>
            <p:extLst>
              <p:ext uri="{D42A27DB-BD31-4B8C-83A1-F6EECF244321}">
                <p14:modId xmlns:p14="http://schemas.microsoft.com/office/powerpoint/2010/main" val="3243749944"/>
              </p:ext>
            </p:extLst>
          </p:nvPr>
        </p:nvGraphicFramePr>
        <p:xfrm>
          <a:off x="1" y="1700808"/>
          <a:ext cx="9144000" cy="50405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46348" y="4015635"/>
            <a:ext cx="116247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US" dirty="0">
                <a:solidFill>
                  <a:schemeClr val="bg1"/>
                </a:solidFill>
              </a:rPr>
              <a:t>17-21.06</a:t>
            </a:r>
            <a:endParaRPr lang="ru-RU" dirty="0">
              <a:solidFill>
                <a:schemeClr val="bg1"/>
              </a:solidFill>
            </a:endParaRPr>
          </a:p>
          <a:p>
            <a:endParaRPr lang="ru-RU" dirty="0"/>
          </a:p>
        </p:txBody>
      </p:sp>
      <p:sp>
        <p:nvSpPr>
          <p:cNvPr id="6" name="TextBox 5"/>
          <p:cNvSpPr txBox="1"/>
          <p:nvPr/>
        </p:nvSpPr>
        <p:spPr>
          <a:xfrm>
            <a:off x="1835696" y="4036422"/>
            <a:ext cx="12241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dirty="0" smtClean="0">
                <a:solidFill>
                  <a:schemeClr val="bg1"/>
                </a:solidFill>
              </a:rPr>
              <a:t>22-26.06</a:t>
            </a:r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455876" y="4036422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dirty="0" smtClean="0">
                <a:solidFill>
                  <a:schemeClr val="bg1"/>
                </a:solidFill>
              </a:rPr>
              <a:t>27.06-12.07</a:t>
            </a:r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140736" y="4015635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kk-KZ" dirty="0" smtClean="0">
                <a:solidFill>
                  <a:schemeClr val="bg1"/>
                </a:solidFill>
              </a:rPr>
              <a:t>13.07-2.08</a:t>
            </a:r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962095" y="4007256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kk-KZ" dirty="0" smtClean="0">
                <a:solidFill>
                  <a:schemeClr val="bg1"/>
                </a:solidFill>
              </a:rPr>
              <a:t>3-14.08</a:t>
            </a:r>
            <a:endParaRPr lang="ru-RU" dirty="0"/>
          </a:p>
        </p:txBody>
      </p:sp>
      <p:pic>
        <p:nvPicPr>
          <p:cNvPr id="10" name="Picture 2" descr="ÐÐ°ÑÑÐ¸Ð½ÐºÐ¸ Ð¿Ð¾ Ð·Ð°Ð¿ÑÐ¾ÑÑ ÐºÑÐµÐ»Ð» Ð»Ð¾Ð³Ð¾ ÑÑÐ°Ð½ÑÐ¿Ð°ÑÐµÐ½Ñ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8344" y="0"/>
            <a:ext cx="1331640" cy="479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137468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370521" y="1036809"/>
            <a:ext cx="8219256" cy="580926"/>
          </a:xfrm>
        </p:spPr>
        <p:txBody>
          <a:bodyPr>
            <a:normAutofit fontScale="90000"/>
          </a:bodyPr>
          <a:lstStyle/>
          <a:p>
            <a:r>
              <a:rPr lang="kk-KZ" dirty="0" smtClean="0">
                <a:solidFill>
                  <a:schemeClr val="bg1"/>
                </a:solidFill>
              </a:rPr>
              <a:t>Проблемы в проекте</a:t>
            </a:r>
            <a:r>
              <a:rPr lang="en-US" dirty="0" smtClean="0">
                <a:solidFill>
                  <a:schemeClr val="bg1"/>
                </a:solidFill>
              </a:rPr>
              <a:t>?</a:t>
            </a:r>
            <a:endParaRPr lang="ru-RU" dirty="0">
              <a:solidFill>
                <a:schemeClr val="bg1"/>
              </a:solidFill>
            </a:endParaRPr>
          </a:p>
        </p:txBody>
      </p:sp>
      <p:grpSp>
        <p:nvGrpSpPr>
          <p:cNvPr id="3" name="Google Shape;587;p39"/>
          <p:cNvGrpSpPr/>
          <p:nvPr/>
        </p:nvGrpSpPr>
        <p:grpSpPr>
          <a:xfrm rot="10800000" flipH="1">
            <a:off x="179512" y="2695272"/>
            <a:ext cx="3096344" cy="2664296"/>
            <a:chOff x="9598025" y="882650"/>
            <a:chExt cx="2266938" cy="1754200"/>
          </a:xfrm>
        </p:grpSpPr>
        <p:sp>
          <p:nvSpPr>
            <p:cNvPr id="4" name="Google Shape;588;p39"/>
            <p:cNvSpPr/>
            <p:nvPr/>
          </p:nvSpPr>
          <p:spPr>
            <a:xfrm>
              <a:off x="10239375" y="1881188"/>
              <a:ext cx="139800" cy="906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06153" y="28235"/>
                  </a:moveTo>
                  <a:cubicBezTo>
                    <a:pt x="50769" y="28235"/>
                    <a:pt x="50769" y="28235"/>
                    <a:pt x="50769" y="28235"/>
                  </a:cubicBezTo>
                  <a:cubicBezTo>
                    <a:pt x="110769" y="91764"/>
                    <a:pt x="110769" y="91764"/>
                    <a:pt x="110769" y="91764"/>
                  </a:cubicBezTo>
                  <a:cubicBezTo>
                    <a:pt x="115384" y="91764"/>
                    <a:pt x="120000" y="105882"/>
                    <a:pt x="115384" y="112941"/>
                  </a:cubicBezTo>
                  <a:cubicBezTo>
                    <a:pt x="110769" y="120000"/>
                    <a:pt x="106153" y="120000"/>
                    <a:pt x="101538" y="120000"/>
                  </a:cubicBezTo>
                  <a:cubicBezTo>
                    <a:pt x="4615" y="28235"/>
                    <a:pt x="4615" y="28235"/>
                    <a:pt x="4615" y="28235"/>
                  </a:cubicBezTo>
                  <a:cubicBezTo>
                    <a:pt x="4615" y="28235"/>
                    <a:pt x="0" y="14117"/>
                    <a:pt x="0" y="7058"/>
                  </a:cubicBezTo>
                  <a:cubicBezTo>
                    <a:pt x="4615" y="0"/>
                    <a:pt x="9230" y="0"/>
                    <a:pt x="13846" y="0"/>
                  </a:cubicBezTo>
                  <a:cubicBezTo>
                    <a:pt x="106153" y="0"/>
                    <a:pt x="106153" y="0"/>
                    <a:pt x="106153" y="0"/>
                  </a:cubicBezTo>
                  <a:cubicBezTo>
                    <a:pt x="110769" y="0"/>
                    <a:pt x="115384" y="7058"/>
                    <a:pt x="115384" y="14117"/>
                  </a:cubicBezTo>
                  <a:cubicBezTo>
                    <a:pt x="115384" y="21176"/>
                    <a:pt x="110769" y="28235"/>
                    <a:pt x="106153" y="28235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5" name="Google Shape;589;p39"/>
            <p:cNvSpPr/>
            <p:nvPr/>
          </p:nvSpPr>
          <p:spPr>
            <a:xfrm>
              <a:off x="9598025" y="882650"/>
              <a:ext cx="995400" cy="15462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9354" y="70000"/>
                  </a:moveTo>
                  <a:cubicBezTo>
                    <a:pt x="119354" y="69583"/>
                    <a:pt x="120000" y="69166"/>
                    <a:pt x="119354" y="69166"/>
                  </a:cubicBezTo>
                  <a:cubicBezTo>
                    <a:pt x="119354" y="68750"/>
                    <a:pt x="119354" y="68333"/>
                    <a:pt x="118709" y="68333"/>
                  </a:cubicBezTo>
                  <a:cubicBezTo>
                    <a:pt x="107096" y="65833"/>
                    <a:pt x="107096" y="65833"/>
                    <a:pt x="107096" y="65833"/>
                  </a:cubicBezTo>
                  <a:cubicBezTo>
                    <a:pt x="109677" y="60833"/>
                    <a:pt x="109677" y="60833"/>
                    <a:pt x="109677" y="60833"/>
                  </a:cubicBezTo>
                  <a:cubicBezTo>
                    <a:pt x="110322" y="60833"/>
                    <a:pt x="110322" y="60416"/>
                    <a:pt x="109677" y="60416"/>
                  </a:cubicBezTo>
                  <a:cubicBezTo>
                    <a:pt x="109677" y="60000"/>
                    <a:pt x="109032" y="60000"/>
                    <a:pt x="109032" y="59583"/>
                  </a:cubicBezTo>
                  <a:cubicBezTo>
                    <a:pt x="81290" y="55416"/>
                    <a:pt x="81290" y="55416"/>
                    <a:pt x="81290" y="55416"/>
                  </a:cubicBezTo>
                  <a:cubicBezTo>
                    <a:pt x="101935" y="48333"/>
                    <a:pt x="101935" y="48333"/>
                    <a:pt x="101935" y="48333"/>
                  </a:cubicBezTo>
                  <a:cubicBezTo>
                    <a:pt x="101935" y="48333"/>
                    <a:pt x="102580" y="47916"/>
                    <a:pt x="102580" y="47500"/>
                  </a:cubicBezTo>
                  <a:cubicBezTo>
                    <a:pt x="102580" y="47500"/>
                    <a:pt x="103225" y="43333"/>
                    <a:pt x="98064" y="39166"/>
                  </a:cubicBezTo>
                  <a:cubicBezTo>
                    <a:pt x="92903" y="35833"/>
                    <a:pt x="85161" y="33750"/>
                    <a:pt x="73548" y="33750"/>
                  </a:cubicBezTo>
                  <a:cubicBezTo>
                    <a:pt x="73548" y="25416"/>
                    <a:pt x="73548" y="25416"/>
                    <a:pt x="73548" y="25416"/>
                  </a:cubicBezTo>
                  <a:cubicBezTo>
                    <a:pt x="100000" y="0"/>
                    <a:pt x="100000" y="0"/>
                    <a:pt x="100000" y="0"/>
                  </a:cubicBezTo>
                  <a:cubicBezTo>
                    <a:pt x="96129" y="0"/>
                    <a:pt x="96129" y="0"/>
                    <a:pt x="96129" y="0"/>
                  </a:cubicBezTo>
                  <a:cubicBezTo>
                    <a:pt x="70967" y="24166"/>
                    <a:pt x="70967" y="24166"/>
                    <a:pt x="70967" y="24166"/>
                  </a:cubicBezTo>
                  <a:cubicBezTo>
                    <a:pt x="70322" y="24583"/>
                    <a:pt x="70322" y="24583"/>
                    <a:pt x="70322" y="25000"/>
                  </a:cubicBezTo>
                  <a:cubicBezTo>
                    <a:pt x="70322" y="34583"/>
                    <a:pt x="70322" y="34583"/>
                    <a:pt x="70322" y="34583"/>
                  </a:cubicBezTo>
                  <a:cubicBezTo>
                    <a:pt x="70322" y="35416"/>
                    <a:pt x="70967" y="35833"/>
                    <a:pt x="72258" y="35833"/>
                  </a:cubicBezTo>
                  <a:cubicBezTo>
                    <a:pt x="83225" y="35833"/>
                    <a:pt x="90967" y="37500"/>
                    <a:pt x="95483" y="40416"/>
                  </a:cubicBezTo>
                  <a:cubicBezTo>
                    <a:pt x="99354" y="42916"/>
                    <a:pt x="99354" y="45833"/>
                    <a:pt x="99354" y="47083"/>
                  </a:cubicBezTo>
                  <a:cubicBezTo>
                    <a:pt x="76129" y="54583"/>
                    <a:pt x="76129" y="54583"/>
                    <a:pt x="76129" y="54583"/>
                  </a:cubicBezTo>
                  <a:cubicBezTo>
                    <a:pt x="76129" y="55000"/>
                    <a:pt x="75483" y="55416"/>
                    <a:pt x="75483" y="55833"/>
                  </a:cubicBezTo>
                  <a:cubicBezTo>
                    <a:pt x="75483" y="56250"/>
                    <a:pt x="76129" y="56250"/>
                    <a:pt x="76774" y="56666"/>
                  </a:cubicBezTo>
                  <a:cubicBezTo>
                    <a:pt x="106451" y="61250"/>
                    <a:pt x="106451" y="61250"/>
                    <a:pt x="106451" y="61250"/>
                  </a:cubicBezTo>
                  <a:cubicBezTo>
                    <a:pt x="103870" y="66250"/>
                    <a:pt x="103870" y="66250"/>
                    <a:pt x="103870" y="66250"/>
                  </a:cubicBezTo>
                  <a:cubicBezTo>
                    <a:pt x="103870" y="66666"/>
                    <a:pt x="103870" y="66666"/>
                    <a:pt x="103870" y="67083"/>
                  </a:cubicBezTo>
                  <a:cubicBezTo>
                    <a:pt x="104516" y="67500"/>
                    <a:pt x="104516" y="67500"/>
                    <a:pt x="105161" y="67500"/>
                  </a:cubicBezTo>
                  <a:cubicBezTo>
                    <a:pt x="115483" y="70000"/>
                    <a:pt x="115483" y="70000"/>
                    <a:pt x="115483" y="70000"/>
                  </a:cubicBezTo>
                  <a:cubicBezTo>
                    <a:pt x="101935" y="81666"/>
                    <a:pt x="101935" y="81666"/>
                    <a:pt x="101935" y="81666"/>
                  </a:cubicBezTo>
                  <a:cubicBezTo>
                    <a:pt x="101935" y="82083"/>
                    <a:pt x="101935" y="82083"/>
                    <a:pt x="101935" y="82500"/>
                  </a:cubicBezTo>
                  <a:cubicBezTo>
                    <a:pt x="101935" y="96666"/>
                    <a:pt x="97419" y="102083"/>
                    <a:pt x="97419" y="102083"/>
                  </a:cubicBezTo>
                  <a:cubicBezTo>
                    <a:pt x="96774" y="102500"/>
                    <a:pt x="96774" y="102916"/>
                    <a:pt x="96774" y="102916"/>
                  </a:cubicBezTo>
                  <a:cubicBezTo>
                    <a:pt x="97419" y="103333"/>
                    <a:pt x="97419" y="103333"/>
                    <a:pt x="98064" y="103750"/>
                  </a:cubicBezTo>
                  <a:cubicBezTo>
                    <a:pt x="111612" y="105833"/>
                    <a:pt x="113548" y="112916"/>
                    <a:pt x="114193" y="116666"/>
                  </a:cubicBezTo>
                  <a:cubicBezTo>
                    <a:pt x="105806" y="112083"/>
                    <a:pt x="101935" y="112083"/>
                    <a:pt x="89677" y="111666"/>
                  </a:cubicBezTo>
                  <a:cubicBezTo>
                    <a:pt x="82580" y="111666"/>
                    <a:pt x="73548" y="111666"/>
                    <a:pt x="60000" y="110833"/>
                  </a:cubicBezTo>
                  <a:cubicBezTo>
                    <a:pt x="40000" y="109166"/>
                    <a:pt x="25806" y="104166"/>
                    <a:pt x="18709" y="95833"/>
                  </a:cubicBezTo>
                  <a:cubicBezTo>
                    <a:pt x="13548" y="89583"/>
                    <a:pt x="14193" y="83333"/>
                    <a:pt x="14193" y="83333"/>
                  </a:cubicBezTo>
                  <a:cubicBezTo>
                    <a:pt x="14193" y="83333"/>
                    <a:pt x="14193" y="83333"/>
                    <a:pt x="14193" y="83333"/>
                  </a:cubicBezTo>
                  <a:cubicBezTo>
                    <a:pt x="14193" y="83333"/>
                    <a:pt x="14193" y="78333"/>
                    <a:pt x="14193" y="69583"/>
                  </a:cubicBezTo>
                  <a:cubicBezTo>
                    <a:pt x="14193" y="53750"/>
                    <a:pt x="26451" y="49166"/>
                    <a:pt x="27096" y="49166"/>
                  </a:cubicBezTo>
                  <a:cubicBezTo>
                    <a:pt x="27096" y="49166"/>
                    <a:pt x="27741" y="48750"/>
                    <a:pt x="27741" y="48333"/>
                  </a:cubicBezTo>
                  <a:cubicBezTo>
                    <a:pt x="27741" y="32500"/>
                    <a:pt x="27741" y="32500"/>
                    <a:pt x="27741" y="32500"/>
                  </a:cubicBezTo>
                  <a:cubicBezTo>
                    <a:pt x="27741" y="32083"/>
                    <a:pt x="27741" y="32083"/>
                    <a:pt x="27096" y="31666"/>
                  </a:cubicBezTo>
                  <a:cubicBezTo>
                    <a:pt x="21935" y="28333"/>
                    <a:pt x="21935" y="28333"/>
                    <a:pt x="21935" y="28333"/>
                  </a:cubicBezTo>
                  <a:cubicBezTo>
                    <a:pt x="10322" y="20833"/>
                    <a:pt x="3225" y="10833"/>
                    <a:pt x="3225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645" y="11250"/>
                    <a:pt x="7096" y="21666"/>
                    <a:pt x="19354" y="29583"/>
                  </a:cubicBezTo>
                  <a:cubicBezTo>
                    <a:pt x="24516" y="32916"/>
                    <a:pt x="24516" y="32916"/>
                    <a:pt x="24516" y="32916"/>
                  </a:cubicBezTo>
                  <a:cubicBezTo>
                    <a:pt x="24516" y="47916"/>
                    <a:pt x="24516" y="47916"/>
                    <a:pt x="24516" y="47916"/>
                  </a:cubicBezTo>
                  <a:cubicBezTo>
                    <a:pt x="21290" y="49166"/>
                    <a:pt x="10967" y="54583"/>
                    <a:pt x="10967" y="69583"/>
                  </a:cubicBezTo>
                  <a:cubicBezTo>
                    <a:pt x="10967" y="77916"/>
                    <a:pt x="10967" y="82916"/>
                    <a:pt x="10967" y="83333"/>
                  </a:cubicBezTo>
                  <a:cubicBezTo>
                    <a:pt x="10967" y="84583"/>
                    <a:pt x="9677" y="109166"/>
                    <a:pt x="60000" y="112500"/>
                  </a:cubicBezTo>
                  <a:cubicBezTo>
                    <a:pt x="73548" y="113333"/>
                    <a:pt x="82580" y="113750"/>
                    <a:pt x="89677" y="113750"/>
                  </a:cubicBezTo>
                  <a:cubicBezTo>
                    <a:pt x="103225" y="114166"/>
                    <a:pt x="105161" y="114166"/>
                    <a:pt x="114193" y="119583"/>
                  </a:cubicBezTo>
                  <a:cubicBezTo>
                    <a:pt x="114838" y="119583"/>
                    <a:pt x="115483" y="120000"/>
                    <a:pt x="116129" y="119583"/>
                  </a:cubicBezTo>
                  <a:cubicBezTo>
                    <a:pt x="116774" y="119583"/>
                    <a:pt x="116774" y="119166"/>
                    <a:pt x="116774" y="118750"/>
                  </a:cubicBezTo>
                  <a:cubicBezTo>
                    <a:pt x="116774" y="118750"/>
                    <a:pt x="118709" y="105833"/>
                    <a:pt x="100645" y="102083"/>
                  </a:cubicBezTo>
                  <a:cubicBezTo>
                    <a:pt x="101935" y="99583"/>
                    <a:pt x="104516" y="93750"/>
                    <a:pt x="105161" y="82500"/>
                  </a:cubicBezTo>
                  <a:lnTo>
                    <a:pt x="119354" y="7000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6" name="Google Shape;590;p39"/>
            <p:cNvSpPr/>
            <p:nvPr/>
          </p:nvSpPr>
          <p:spPr>
            <a:xfrm>
              <a:off x="10672763" y="1581150"/>
              <a:ext cx="1192200" cy="1055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59730" y="120000"/>
                  </a:moveTo>
                  <a:cubicBezTo>
                    <a:pt x="26905" y="120000"/>
                    <a:pt x="0" y="95025"/>
                    <a:pt x="0" y="64568"/>
                  </a:cubicBezTo>
                  <a:cubicBezTo>
                    <a:pt x="0" y="49949"/>
                    <a:pt x="5919" y="35939"/>
                    <a:pt x="17219" y="25583"/>
                  </a:cubicBezTo>
                  <a:cubicBezTo>
                    <a:pt x="2152" y="2436"/>
                    <a:pt x="2152" y="2436"/>
                    <a:pt x="2152" y="2436"/>
                  </a:cubicBezTo>
                  <a:cubicBezTo>
                    <a:pt x="1614" y="1827"/>
                    <a:pt x="1614" y="1218"/>
                    <a:pt x="2152" y="609"/>
                  </a:cubicBezTo>
                  <a:cubicBezTo>
                    <a:pt x="2152" y="609"/>
                    <a:pt x="2690" y="0"/>
                    <a:pt x="2690" y="0"/>
                  </a:cubicBezTo>
                  <a:cubicBezTo>
                    <a:pt x="3228" y="0"/>
                    <a:pt x="3228" y="0"/>
                    <a:pt x="3228" y="0"/>
                  </a:cubicBezTo>
                  <a:cubicBezTo>
                    <a:pt x="39282" y="12182"/>
                    <a:pt x="39282" y="12182"/>
                    <a:pt x="39282" y="12182"/>
                  </a:cubicBezTo>
                  <a:cubicBezTo>
                    <a:pt x="45739" y="9746"/>
                    <a:pt x="52735" y="9137"/>
                    <a:pt x="59730" y="9137"/>
                  </a:cubicBezTo>
                  <a:cubicBezTo>
                    <a:pt x="93094" y="9137"/>
                    <a:pt x="119999" y="34111"/>
                    <a:pt x="119999" y="64568"/>
                  </a:cubicBezTo>
                  <a:cubicBezTo>
                    <a:pt x="119999" y="95025"/>
                    <a:pt x="93094" y="120000"/>
                    <a:pt x="59730" y="120000"/>
                  </a:cubicBezTo>
                  <a:close/>
                  <a:moveTo>
                    <a:pt x="59730" y="11573"/>
                  </a:moveTo>
                  <a:cubicBezTo>
                    <a:pt x="52735" y="11573"/>
                    <a:pt x="46278" y="12791"/>
                    <a:pt x="39820" y="15228"/>
                  </a:cubicBezTo>
                  <a:cubicBezTo>
                    <a:pt x="39282" y="15228"/>
                    <a:pt x="39282" y="15228"/>
                    <a:pt x="38744" y="15228"/>
                  </a:cubicBezTo>
                  <a:cubicBezTo>
                    <a:pt x="6457" y="4263"/>
                    <a:pt x="6457" y="4263"/>
                    <a:pt x="6457" y="4263"/>
                  </a:cubicBezTo>
                  <a:cubicBezTo>
                    <a:pt x="19910" y="24974"/>
                    <a:pt x="19910" y="24974"/>
                    <a:pt x="19910" y="24974"/>
                  </a:cubicBezTo>
                  <a:cubicBezTo>
                    <a:pt x="19910" y="25583"/>
                    <a:pt x="19910" y="26192"/>
                    <a:pt x="19372" y="26802"/>
                  </a:cubicBezTo>
                  <a:cubicBezTo>
                    <a:pt x="8609" y="37157"/>
                    <a:pt x="2152" y="50558"/>
                    <a:pt x="2152" y="64568"/>
                  </a:cubicBezTo>
                  <a:cubicBezTo>
                    <a:pt x="2152" y="93807"/>
                    <a:pt x="27982" y="117563"/>
                    <a:pt x="59730" y="117563"/>
                  </a:cubicBezTo>
                  <a:cubicBezTo>
                    <a:pt x="91479" y="117563"/>
                    <a:pt x="117309" y="93807"/>
                    <a:pt x="117309" y="64568"/>
                  </a:cubicBezTo>
                  <a:cubicBezTo>
                    <a:pt x="117309" y="35329"/>
                    <a:pt x="91479" y="11573"/>
                    <a:pt x="59730" y="11573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" name="Google Shape;591;p39"/>
            <p:cNvSpPr/>
            <p:nvPr/>
          </p:nvSpPr>
          <p:spPr>
            <a:xfrm>
              <a:off x="10914063" y="1881188"/>
              <a:ext cx="679500" cy="5319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92598" y="86060"/>
                  </a:moveTo>
                  <a:cubicBezTo>
                    <a:pt x="90708" y="84848"/>
                    <a:pt x="87874" y="84848"/>
                    <a:pt x="85984" y="86060"/>
                  </a:cubicBezTo>
                  <a:cubicBezTo>
                    <a:pt x="79370" y="76363"/>
                    <a:pt x="79370" y="76363"/>
                    <a:pt x="79370" y="76363"/>
                  </a:cubicBezTo>
                  <a:cubicBezTo>
                    <a:pt x="80314" y="73939"/>
                    <a:pt x="82204" y="71515"/>
                    <a:pt x="83149" y="69090"/>
                  </a:cubicBezTo>
                  <a:cubicBezTo>
                    <a:pt x="85039" y="64242"/>
                    <a:pt x="85984" y="59393"/>
                    <a:pt x="85039" y="54545"/>
                  </a:cubicBezTo>
                  <a:cubicBezTo>
                    <a:pt x="104881" y="47272"/>
                    <a:pt x="104881" y="47272"/>
                    <a:pt x="104881" y="47272"/>
                  </a:cubicBezTo>
                  <a:cubicBezTo>
                    <a:pt x="105826" y="48484"/>
                    <a:pt x="106771" y="49696"/>
                    <a:pt x="107716" y="50909"/>
                  </a:cubicBezTo>
                  <a:cubicBezTo>
                    <a:pt x="111496" y="53333"/>
                    <a:pt x="116220" y="50909"/>
                    <a:pt x="118110" y="46060"/>
                  </a:cubicBezTo>
                  <a:cubicBezTo>
                    <a:pt x="120000" y="41212"/>
                    <a:pt x="119055" y="35151"/>
                    <a:pt x="115275" y="32727"/>
                  </a:cubicBezTo>
                  <a:cubicBezTo>
                    <a:pt x="111496" y="30303"/>
                    <a:pt x="106771" y="31515"/>
                    <a:pt x="104881" y="36363"/>
                  </a:cubicBezTo>
                  <a:cubicBezTo>
                    <a:pt x="103937" y="38787"/>
                    <a:pt x="103937" y="40000"/>
                    <a:pt x="103937" y="41212"/>
                  </a:cubicBezTo>
                  <a:cubicBezTo>
                    <a:pt x="84094" y="49696"/>
                    <a:pt x="84094" y="49696"/>
                    <a:pt x="84094" y="49696"/>
                  </a:cubicBezTo>
                  <a:cubicBezTo>
                    <a:pt x="82204" y="44848"/>
                    <a:pt x="79370" y="41212"/>
                    <a:pt x="76535" y="38787"/>
                  </a:cubicBezTo>
                  <a:cubicBezTo>
                    <a:pt x="70866" y="35151"/>
                    <a:pt x="64251" y="36363"/>
                    <a:pt x="58582" y="40000"/>
                  </a:cubicBezTo>
                  <a:cubicBezTo>
                    <a:pt x="44409" y="16969"/>
                    <a:pt x="44409" y="16969"/>
                    <a:pt x="44409" y="16969"/>
                  </a:cubicBezTo>
                  <a:cubicBezTo>
                    <a:pt x="45354" y="16969"/>
                    <a:pt x="45354" y="16969"/>
                    <a:pt x="45354" y="15757"/>
                  </a:cubicBezTo>
                  <a:cubicBezTo>
                    <a:pt x="47244" y="10909"/>
                    <a:pt x="46299" y="4848"/>
                    <a:pt x="42519" y="2424"/>
                  </a:cubicBezTo>
                  <a:cubicBezTo>
                    <a:pt x="37795" y="0"/>
                    <a:pt x="33070" y="1212"/>
                    <a:pt x="31181" y="6060"/>
                  </a:cubicBezTo>
                  <a:cubicBezTo>
                    <a:pt x="29291" y="10909"/>
                    <a:pt x="31181" y="18181"/>
                    <a:pt x="34960" y="20606"/>
                  </a:cubicBezTo>
                  <a:cubicBezTo>
                    <a:pt x="36850" y="21818"/>
                    <a:pt x="38740" y="21818"/>
                    <a:pt x="41574" y="20606"/>
                  </a:cubicBezTo>
                  <a:cubicBezTo>
                    <a:pt x="55748" y="43636"/>
                    <a:pt x="55748" y="43636"/>
                    <a:pt x="55748" y="43636"/>
                  </a:cubicBezTo>
                  <a:cubicBezTo>
                    <a:pt x="54803" y="44848"/>
                    <a:pt x="53858" y="46060"/>
                    <a:pt x="52913" y="48484"/>
                  </a:cubicBezTo>
                  <a:cubicBezTo>
                    <a:pt x="51023" y="53333"/>
                    <a:pt x="50078" y="58181"/>
                    <a:pt x="51023" y="63030"/>
                  </a:cubicBezTo>
                  <a:cubicBezTo>
                    <a:pt x="16062" y="76363"/>
                    <a:pt x="16062" y="76363"/>
                    <a:pt x="16062" y="76363"/>
                  </a:cubicBezTo>
                  <a:cubicBezTo>
                    <a:pt x="15118" y="75151"/>
                    <a:pt x="14173" y="73939"/>
                    <a:pt x="13228" y="72727"/>
                  </a:cubicBezTo>
                  <a:cubicBezTo>
                    <a:pt x="9448" y="70303"/>
                    <a:pt x="4724" y="72727"/>
                    <a:pt x="1889" y="77575"/>
                  </a:cubicBezTo>
                  <a:cubicBezTo>
                    <a:pt x="0" y="82424"/>
                    <a:pt x="1889" y="88484"/>
                    <a:pt x="5669" y="90909"/>
                  </a:cubicBezTo>
                  <a:cubicBezTo>
                    <a:pt x="9448" y="93333"/>
                    <a:pt x="14173" y="92121"/>
                    <a:pt x="16062" y="87272"/>
                  </a:cubicBezTo>
                  <a:cubicBezTo>
                    <a:pt x="17007" y="84848"/>
                    <a:pt x="17007" y="83636"/>
                    <a:pt x="17007" y="82424"/>
                  </a:cubicBezTo>
                  <a:cubicBezTo>
                    <a:pt x="51968" y="67878"/>
                    <a:pt x="51968" y="67878"/>
                    <a:pt x="51968" y="67878"/>
                  </a:cubicBezTo>
                  <a:cubicBezTo>
                    <a:pt x="53858" y="71515"/>
                    <a:pt x="55748" y="75151"/>
                    <a:pt x="57637" y="76363"/>
                  </a:cubicBezTo>
                  <a:cubicBezTo>
                    <a:pt x="49133" y="98181"/>
                    <a:pt x="49133" y="98181"/>
                    <a:pt x="49133" y="98181"/>
                  </a:cubicBezTo>
                  <a:cubicBezTo>
                    <a:pt x="46299" y="96969"/>
                    <a:pt x="42519" y="99393"/>
                    <a:pt x="40629" y="103030"/>
                  </a:cubicBezTo>
                  <a:cubicBezTo>
                    <a:pt x="38740" y="107878"/>
                    <a:pt x="39685" y="113939"/>
                    <a:pt x="44409" y="117575"/>
                  </a:cubicBezTo>
                  <a:cubicBezTo>
                    <a:pt x="48188" y="119999"/>
                    <a:pt x="52913" y="117575"/>
                    <a:pt x="54803" y="112727"/>
                  </a:cubicBezTo>
                  <a:cubicBezTo>
                    <a:pt x="56692" y="109090"/>
                    <a:pt x="55748" y="104242"/>
                    <a:pt x="52913" y="100606"/>
                  </a:cubicBezTo>
                  <a:cubicBezTo>
                    <a:pt x="62362" y="80000"/>
                    <a:pt x="62362" y="80000"/>
                    <a:pt x="62362" y="80000"/>
                  </a:cubicBezTo>
                  <a:cubicBezTo>
                    <a:pt x="66141" y="81212"/>
                    <a:pt x="70866" y="81212"/>
                    <a:pt x="75590" y="78787"/>
                  </a:cubicBezTo>
                  <a:cubicBezTo>
                    <a:pt x="82204" y="89696"/>
                    <a:pt x="82204" y="89696"/>
                    <a:pt x="82204" y="89696"/>
                  </a:cubicBezTo>
                  <a:cubicBezTo>
                    <a:pt x="82204" y="89696"/>
                    <a:pt x="82204" y="90909"/>
                    <a:pt x="82204" y="90909"/>
                  </a:cubicBezTo>
                  <a:cubicBezTo>
                    <a:pt x="80314" y="95757"/>
                    <a:pt x="82204" y="101818"/>
                    <a:pt x="85984" y="104242"/>
                  </a:cubicBezTo>
                  <a:cubicBezTo>
                    <a:pt x="89763" y="106666"/>
                    <a:pt x="94488" y="105454"/>
                    <a:pt x="96377" y="99393"/>
                  </a:cubicBezTo>
                  <a:cubicBezTo>
                    <a:pt x="98267" y="94545"/>
                    <a:pt x="96377" y="88484"/>
                    <a:pt x="92598" y="86060"/>
                  </a:cubicBezTo>
                  <a:close/>
                  <a:moveTo>
                    <a:pt x="36850" y="15757"/>
                  </a:moveTo>
                  <a:cubicBezTo>
                    <a:pt x="34960" y="14545"/>
                    <a:pt x="34015" y="10909"/>
                    <a:pt x="34960" y="9696"/>
                  </a:cubicBezTo>
                  <a:cubicBezTo>
                    <a:pt x="35905" y="7272"/>
                    <a:pt x="38740" y="6060"/>
                    <a:pt x="39685" y="7272"/>
                  </a:cubicBezTo>
                  <a:cubicBezTo>
                    <a:pt x="41574" y="8484"/>
                    <a:pt x="42519" y="10909"/>
                    <a:pt x="41574" y="13333"/>
                  </a:cubicBezTo>
                  <a:cubicBezTo>
                    <a:pt x="40629" y="15757"/>
                    <a:pt x="38740" y="15757"/>
                    <a:pt x="36850" y="15757"/>
                  </a:cubicBezTo>
                  <a:close/>
                  <a:moveTo>
                    <a:pt x="113385" y="37575"/>
                  </a:moveTo>
                  <a:cubicBezTo>
                    <a:pt x="114330" y="38787"/>
                    <a:pt x="115275" y="41212"/>
                    <a:pt x="114330" y="43636"/>
                  </a:cubicBezTo>
                  <a:cubicBezTo>
                    <a:pt x="113385" y="46060"/>
                    <a:pt x="111496" y="47272"/>
                    <a:pt x="109606" y="46060"/>
                  </a:cubicBezTo>
                  <a:cubicBezTo>
                    <a:pt x="107716" y="44848"/>
                    <a:pt x="107716" y="41212"/>
                    <a:pt x="108661" y="40000"/>
                  </a:cubicBezTo>
                  <a:cubicBezTo>
                    <a:pt x="109606" y="37575"/>
                    <a:pt x="111496" y="36363"/>
                    <a:pt x="113385" y="37575"/>
                  </a:cubicBezTo>
                  <a:close/>
                  <a:moveTo>
                    <a:pt x="7559" y="86060"/>
                  </a:moveTo>
                  <a:cubicBezTo>
                    <a:pt x="5669" y="84848"/>
                    <a:pt x="5669" y="82424"/>
                    <a:pt x="6614" y="80000"/>
                  </a:cubicBezTo>
                  <a:cubicBezTo>
                    <a:pt x="6614" y="77575"/>
                    <a:pt x="9448" y="76363"/>
                    <a:pt x="10393" y="77575"/>
                  </a:cubicBezTo>
                  <a:cubicBezTo>
                    <a:pt x="12283" y="78787"/>
                    <a:pt x="13228" y="82424"/>
                    <a:pt x="12283" y="83636"/>
                  </a:cubicBezTo>
                  <a:cubicBezTo>
                    <a:pt x="11338" y="86060"/>
                    <a:pt x="9448" y="87272"/>
                    <a:pt x="7559" y="86060"/>
                  </a:cubicBezTo>
                  <a:close/>
                  <a:moveTo>
                    <a:pt x="51023" y="110303"/>
                  </a:moveTo>
                  <a:cubicBezTo>
                    <a:pt x="50078" y="112727"/>
                    <a:pt x="48188" y="112727"/>
                    <a:pt x="46299" y="111515"/>
                  </a:cubicBezTo>
                  <a:cubicBezTo>
                    <a:pt x="44409" y="110303"/>
                    <a:pt x="43464" y="107878"/>
                    <a:pt x="44409" y="105454"/>
                  </a:cubicBezTo>
                  <a:cubicBezTo>
                    <a:pt x="45354" y="104242"/>
                    <a:pt x="47244" y="103030"/>
                    <a:pt x="49133" y="104242"/>
                  </a:cubicBezTo>
                  <a:cubicBezTo>
                    <a:pt x="51023" y="105454"/>
                    <a:pt x="51968" y="107878"/>
                    <a:pt x="51023" y="110303"/>
                  </a:cubicBezTo>
                  <a:close/>
                  <a:moveTo>
                    <a:pt x="62362" y="73939"/>
                  </a:moveTo>
                  <a:cubicBezTo>
                    <a:pt x="55748" y="69090"/>
                    <a:pt x="52913" y="59393"/>
                    <a:pt x="56692" y="50909"/>
                  </a:cubicBezTo>
                  <a:cubicBezTo>
                    <a:pt x="59527" y="42424"/>
                    <a:pt x="68031" y="40000"/>
                    <a:pt x="73700" y="43636"/>
                  </a:cubicBezTo>
                  <a:cubicBezTo>
                    <a:pt x="80314" y="48484"/>
                    <a:pt x="83149" y="58181"/>
                    <a:pt x="79370" y="66666"/>
                  </a:cubicBezTo>
                  <a:cubicBezTo>
                    <a:pt x="75590" y="75151"/>
                    <a:pt x="68031" y="77575"/>
                    <a:pt x="62362" y="73939"/>
                  </a:cubicBezTo>
                  <a:close/>
                  <a:moveTo>
                    <a:pt x="87874" y="99393"/>
                  </a:moveTo>
                  <a:cubicBezTo>
                    <a:pt x="85984" y="98181"/>
                    <a:pt x="85039" y="95757"/>
                    <a:pt x="85984" y="93333"/>
                  </a:cubicBezTo>
                  <a:cubicBezTo>
                    <a:pt x="86929" y="90909"/>
                    <a:pt x="88818" y="89696"/>
                    <a:pt x="90708" y="90909"/>
                  </a:cubicBezTo>
                  <a:cubicBezTo>
                    <a:pt x="92598" y="92121"/>
                    <a:pt x="93543" y="94545"/>
                    <a:pt x="92598" y="96969"/>
                  </a:cubicBezTo>
                  <a:cubicBezTo>
                    <a:pt x="91653" y="99393"/>
                    <a:pt x="89763" y="100606"/>
                    <a:pt x="87874" y="99393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8" name="Google Shape;592;p39"/>
          <p:cNvGrpSpPr/>
          <p:nvPr/>
        </p:nvGrpSpPr>
        <p:grpSpPr>
          <a:xfrm>
            <a:off x="6444208" y="2695272"/>
            <a:ext cx="2520280" cy="2556131"/>
            <a:chOff x="9925050" y="4203700"/>
            <a:chExt cx="2267050" cy="1803375"/>
          </a:xfrm>
        </p:grpSpPr>
        <p:sp>
          <p:nvSpPr>
            <p:cNvPr id="9" name="Google Shape;593;p39"/>
            <p:cNvSpPr/>
            <p:nvPr/>
          </p:nvSpPr>
          <p:spPr>
            <a:xfrm>
              <a:off x="11336338" y="4922838"/>
              <a:ext cx="139800" cy="119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70909"/>
                  </a:moveTo>
                  <a:cubicBezTo>
                    <a:pt x="18461" y="0"/>
                    <a:pt x="18461" y="0"/>
                    <a:pt x="18461" y="0"/>
                  </a:cubicBezTo>
                  <a:cubicBezTo>
                    <a:pt x="13846" y="0"/>
                    <a:pt x="4615" y="0"/>
                    <a:pt x="4615" y="5454"/>
                  </a:cubicBezTo>
                  <a:cubicBezTo>
                    <a:pt x="0" y="10909"/>
                    <a:pt x="0" y="21818"/>
                    <a:pt x="9230" y="21818"/>
                  </a:cubicBezTo>
                  <a:cubicBezTo>
                    <a:pt x="78461" y="76363"/>
                    <a:pt x="78461" y="76363"/>
                    <a:pt x="78461" y="76363"/>
                  </a:cubicBezTo>
                  <a:cubicBezTo>
                    <a:pt x="9230" y="92727"/>
                    <a:pt x="9230" y="92727"/>
                    <a:pt x="9230" y="92727"/>
                  </a:cubicBezTo>
                  <a:cubicBezTo>
                    <a:pt x="4615" y="98181"/>
                    <a:pt x="0" y="103636"/>
                    <a:pt x="0" y="109090"/>
                  </a:cubicBezTo>
                  <a:cubicBezTo>
                    <a:pt x="4615" y="114545"/>
                    <a:pt x="9230" y="120000"/>
                    <a:pt x="13846" y="120000"/>
                  </a:cubicBezTo>
                  <a:cubicBezTo>
                    <a:pt x="13846" y="120000"/>
                    <a:pt x="13846" y="120000"/>
                    <a:pt x="13846" y="120000"/>
                  </a:cubicBezTo>
                  <a:cubicBezTo>
                    <a:pt x="110769" y="92727"/>
                    <a:pt x="110769" y="92727"/>
                    <a:pt x="110769" y="92727"/>
                  </a:cubicBezTo>
                  <a:cubicBezTo>
                    <a:pt x="115384" y="92727"/>
                    <a:pt x="115384" y="87272"/>
                    <a:pt x="115384" y="81818"/>
                  </a:cubicBezTo>
                  <a:cubicBezTo>
                    <a:pt x="120000" y="76363"/>
                    <a:pt x="115384" y="76363"/>
                    <a:pt x="110769" y="7090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0" name="Google Shape;594;p39"/>
            <p:cNvSpPr/>
            <p:nvPr/>
          </p:nvSpPr>
          <p:spPr>
            <a:xfrm>
              <a:off x="11137900" y="4498975"/>
              <a:ext cx="1054200" cy="1508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5228" y="70889"/>
                  </a:moveTo>
                  <a:cubicBezTo>
                    <a:pt x="14619" y="71316"/>
                    <a:pt x="14619" y="71316"/>
                    <a:pt x="14619" y="71743"/>
                  </a:cubicBezTo>
                  <a:cubicBezTo>
                    <a:pt x="14619" y="72170"/>
                    <a:pt x="15837" y="82846"/>
                    <a:pt x="42030" y="83274"/>
                  </a:cubicBezTo>
                  <a:cubicBezTo>
                    <a:pt x="42030" y="94804"/>
                    <a:pt x="42030" y="94804"/>
                    <a:pt x="42030" y="94804"/>
                  </a:cubicBezTo>
                  <a:cubicBezTo>
                    <a:pt x="20101" y="120000"/>
                    <a:pt x="20101" y="120000"/>
                    <a:pt x="20101" y="120000"/>
                  </a:cubicBezTo>
                  <a:cubicBezTo>
                    <a:pt x="23147" y="120000"/>
                    <a:pt x="23147" y="120000"/>
                    <a:pt x="23147" y="120000"/>
                  </a:cubicBezTo>
                  <a:cubicBezTo>
                    <a:pt x="44467" y="95658"/>
                    <a:pt x="44467" y="95658"/>
                    <a:pt x="44467" y="95658"/>
                  </a:cubicBezTo>
                  <a:cubicBezTo>
                    <a:pt x="44467" y="95231"/>
                    <a:pt x="44467" y="95231"/>
                    <a:pt x="44467" y="94804"/>
                  </a:cubicBezTo>
                  <a:cubicBezTo>
                    <a:pt x="44467" y="82419"/>
                    <a:pt x="44467" y="82419"/>
                    <a:pt x="44467" y="82419"/>
                  </a:cubicBezTo>
                  <a:cubicBezTo>
                    <a:pt x="44467" y="81565"/>
                    <a:pt x="43857" y="81138"/>
                    <a:pt x="43248" y="81138"/>
                  </a:cubicBezTo>
                  <a:cubicBezTo>
                    <a:pt x="21928" y="81138"/>
                    <a:pt x="18274" y="74306"/>
                    <a:pt x="17664" y="72170"/>
                  </a:cubicBezTo>
                  <a:cubicBezTo>
                    <a:pt x="33502" y="64483"/>
                    <a:pt x="33502" y="64483"/>
                    <a:pt x="33502" y="64483"/>
                  </a:cubicBezTo>
                  <a:cubicBezTo>
                    <a:pt x="34111" y="64056"/>
                    <a:pt x="34111" y="63629"/>
                    <a:pt x="34111" y="63202"/>
                  </a:cubicBezTo>
                  <a:cubicBezTo>
                    <a:pt x="34111" y="63202"/>
                    <a:pt x="33502" y="62775"/>
                    <a:pt x="33502" y="62775"/>
                  </a:cubicBezTo>
                  <a:cubicBezTo>
                    <a:pt x="10964" y="57651"/>
                    <a:pt x="10964" y="57651"/>
                    <a:pt x="10964" y="57651"/>
                  </a:cubicBezTo>
                  <a:cubicBezTo>
                    <a:pt x="13401" y="52526"/>
                    <a:pt x="13401" y="52526"/>
                    <a:pt x="13401" y="52526"/>
                  </a:cubicBezTo>
                  <a:cubicBezTo>
                    <a:pt x="13401" y="52099"/>
                    <a:pt x="13401" y="51672"/>
                    <a:pt x="12791" y="51245"/>
                  </a:cubicBezTo>
                  <a:cubicBezTo>
                    <a:pt x="3654" y="47829"/>
                    <a:pt x="3654" y="47829"/>
                    <a:pt x="3654" y="47829"/>
                  </a:cubicBezTo>
                  <a:cubicBezTo>
                    <a:pt x="14619" y="36725"/>
                    <a:pt x="14619" y="36725"/>
                    <a:pt x="14619" y="36725"/>
                  </a:cubicBezTo>
                  <a:cubicBezTo>
                    <a:pt x="15228" y="36725"/>
                    <a:pt x="15228" y="36298"/>
                    <a:pt x="15228" y="36298"/>
                  </a:cubicBezTo>
                  <a:cubicBezTo>
                    <a:pt x="15228" y="21352"/>
                    <a:pt x="19492" y="17081"/>
                    <a:pt x="19492" y="17081"/>
                  </a:cubicBezTo>
                  <a:cubicBezTo>
                    <a:pt x="20101" y="17081"/>
                    <a:pt x="20101" y="16654"/>
                    <a:pt x="19492" y="16227"/>
                  </a:cubicBezTo>
                  <a:cubicBezTo>
                    <a:pt x="19492" y="15800"/>
                    <a:pt x="18883" y="15800"/>
                    <a:pt x="18274" y="15800"/>
                  </a:cubicBezTo>
                  <a:cubicBezTo>
                    <a:pt x="18274" y="15800"/>
                    <a:pt x="18274" y="15800"/>
                    <a:pt x="18274" y="15800"/>
                  </a:cubicBezTo>
                  <a:cubicBezTo>
                    <a:pt x="14619" y="15800"/>
                    <a:pt x="12182" y="16654"/>
                    <a:pt x="10355" y="17508"/>
                  </a:cubicBezTo>
                  <a:cubicBezTo>
                    <a:pt x="12182" y="14092"/>
                    <a:pt x="15228" y="11103"/>
                    <a:pt x="19492" y="8540"/>
                  </a:cubicBezTo>
                  <a:cubicBezTo>
                    <a:pt x="24974" y="5551"/>
                    <a:pt x="35939" y="2135"/>
                    <a:pt x="55431" y="4270"/>
                  </a:cubicBezTo>
                  <a:cubicBezTo>
                    <a:pt x="101116" y="9822"/>
                    <a:pt x="103553" y="35871"/>
                    <a:pt x="103553" y="36298"/>
                  </a:cubicBezTo>
                  <a:cubicBezTo>
                    <a:pt x="103553" y="36298"/>
                    <a:pt x="103553" y="36298"/>
                    <a:pt x="103553" y="36725"/>
                  </a:cubicBezTo>
                  <a:cubicBezTo>
                    <a:pt x="103553" y="38007"/>
                    <a:pt x="104162" y="52526"/>
                    <a:pt x="104162" y="62348"/>
                  </a:cubicBezTo>
                  <a:cubicBezTo>
                    <a:pt x="103553" y="62775"/>
                    <a:pt x="102944" y="71316"/>
                    <a:pt x="109035" y="75587"/>
                  </a:cubicBezTo>
                  <a:cubicBezTo>
                    <a:pt x="109644" y="76441"/>
                    <a:pt x="110862" y="76868"/>
                    <a:pt x="112081" y="77295"/>
                  </a:cubicBezTo>
                  <a:cubicBezTo>
                    <a:pt x="105380" y="78149"/>
                    <a:pt x="94416" y="79003"/>
                    <a:pt x="87106" y="77722"/>
                  </a:cubicBezTo>
                  <a:cubicBezTo>
                    <a:pt x="86497" y="77722"/>
                    <a:pt x="85888" y="77722"/>
                    <a:pt x="85888" y="78149"/>
                  </a:cubicBezTo>
                  <a:cubicBezTo>
                    <a:pt x="85279" y="78149"/>
                    <a:pt x="85279" y="78576"/>
                    <a:pt x="85279" y="78576"/>
                  </a:cubicBezTo>
                  <a:cubicBezTo>
                    <a:pt x="85279" y="87117"/>
                    <a:pt x="85279" y="87117"/>
                    <a:pt x="85279" y="87117"/>
                  </a:cubicBezTo>
                  <a:cubicBezTo>
                    <a:pt x="85279" y="87544"/>
                    <a:pt x="85279" y="87971"/>
                    <a:pt x="85888" y="87971"/>
                  </a:cubicBezTo>
                  <a:cubicBezTo>
                    <a:pt x="90761" y="91387"/>
                    <a:pt x="90761" y="91387"/>
                    <a:pt x="90761" y="91387"/>
                  </a:cubicBezTo>
                  <a:cubicBezTo>
                    <a:pt x="101725" y="99074"/>
                    <a:pt x="107817" y="109323"/>
                    <a:pt x="108426" y="120000"/>
                  </a:cubicBezTo>
                  <a:cubicBezTo>
                    <a:pt x="111472" y="120000"/>
                    <a:pt x="111472" y="120000"/>
                    <a:pt x="111472" y="120000"/>
                  </a:cubicBezTo>
                  <a:cubicBezTo>
                    <a:pt x="110862" y="108896"/>
                    <a:pt x="104162" y="98220"/>
                    <a:pt x="92588" y="90106"/>
                  </a:cubicBezTo>
                  <a:cubicBezTo>
                    <a:pt x="88324" y="86690"/>
                    <a:pt x="88324" y="86690"/>
                    <a:pt x="88324" y="86690"/>
                  </a:cubicBezTo>
                  <a:cubicBezTo>
                    <a:pt x="88324" y="79857"/>
                    <a:pt x="88324" y="79857"/>
                    <a:pt x="88324" y="79857"/>
                  </a:cubicBezTo>
                  <a:cubicBezTo>
                    <a:pt x="100507" y="81565"/>
                    <a:pt x="118172" y="78576"/>
                    <a:pt x="118781" y="78576"/>
                  </a:cubicBezTo>
                  <a:cubicBezTo>
                    <a:pt x="120000" y="78576"/>
                    <a:pt x="120000" y="78149"/>
                    <a:pt x="120000" y="77295"/>
                  </a:cubicBezTo>
                  <a:cubicBezTo>
                    <a:pt x="120000" y="76868"/>
                    <a:pt x="119390" y="76441"/>
                    <a:pt x="118781" y="76441"/>
                  </a:cubicBezTo>
                  <a:cubicBezTo>
                    <a:pt x="115736" y="76441"/>
                    <a:pt x="113299" y="76014"/>
                    <a:pt x="110862" y="74306"/>
                  </a:cubicBezTo>
                  <a:cubicBezTo>
                    <a:pt x="105989" y="70462"/>
                    <a:pt x="106598" y="62348"/>
                    <a:pt x="106598" y="62348"/>
                  </a:cubicBezTo>
                  <a:cubicBezTo>
                    <a:pt x="106598" y="62348"/>
                    <a:pt x="106598" y="62348"/>
                    <a:pt x="106598" y="62348"/>
                  </a:cubicBezTo>
                  <a:cubicBezTo>
                    <a:pt x="106598" y="62348"/>
                    <a:pt x="106598" y="55943"/>
                    <a:pt x="106598" y="49110"/>
                  </a:cubicBezTo>
                  <a:cubicBezTo>
                    <a:pt x="106598" y="46120"/>
                    <a:pt x="106598" y="42704"/>
                    <a:pt x="106598" y="40569"/>
                  </a:cubicBezTo>
                  <a:cubicBezTo>
                    <a:pt x="106598" y="38434"/>
                    <a:pt x="106598" y="37153"/>
                    <a:pt x="106598" y="36298"/>
                  </a:cubicBezTo>
                  <a:cubicBezTo>
                    <a:pt x="106598" y="36298"/>
                    <a:pt x="106598" y="36298"/>
                    <a:pt x="106598" y="36298"/>
                  </a:cubicBezTo>
                  <a:cubicBezTo>
                    <a:pt x="106598" y="35444"/>
                    <a:pt x="105380" y="28185"/>
                    <a:pt x="98680" y="20925"/>
                  </a:cubicBezTo>
                  <a:cubicBezTo>
                    <a:pt x="92588" y="14092"/>
                    <a:pt x="80406" y="5124"/>
                    <a:pt x="56040" y="2562"/>
                  </a:cubicBezTo>
                  <a:cubicBezTo>
                    <a:pt x="35329" y="0"/>
                    <a:pt x="23756" y="3416"/>
                    <a:pt x="17664" y="7259"/>
                  </a:cubicBezTo>
                  <a:cubicBezTo>
                    <a:pt x="10964" y="10676"/>
                    <a:pt x="7309" y="15373"/>
                    <a:pt x="6700" y="20498"/>
                  </a:cubicBezTo>
                  <a:cubicBezTo>
                    <a:pt x="6700" y="21352"/>
                    <a:pt x="7309" y="21779"/>
                    <a:pt x="7918" y="21779"/>
                  </a:cubicBezTo>
                  <a:cubicBezTo>
                    <a:pt x="8527" y="21779"/>
                    <a:pt x="9137" y="21779"/>
                    <a:pt x="9137" y="21352"/>
                  </a:cubicBezTo>
                  <a:cubicBezTo>
                    <a:pt x="9137" y="21352"/>
                    <a:pt x="11573" y="18790"/>
                    <a:pt x="15837" y="17935"/>
                  </a:cubicBezTo>
                  <a:cubicBezTo>
                    <a:pt x="14619" y="20498"/>
                    <a:pt x="12182" y="25622"/>
                    <a:pt x="12182" y="35871"/>
                  </a:cubicBezTo>
                  <a:cubicBezTo>
                    <a:pt x="609" y="47402"/>
                    <a:pt x="609" y="47402"/>
                    <a:pt x="609" y="47402"/>
                  </a:cubicBezTo>
                  <a:cubicBezTo>
                    <a:pt x="0" y="47829"/>
                    <a:pt x="0" y="47829"/>
                    <a:pt x="0" y="48256"/>
                  </a:cubicBezTo>
                  <a:cubicBezTo>
                    <a:pt x="609" y="48683"/>
                    <a:pt x="609" y="48683"/>
                    <a:pt x="1218" y="49110"/>
                  </a:cubicBezTo>
                  <a:cubicBezTo>
                    <a:pt x="10355" y="52526"/>
                    <a:pt x="10355" y="52526"/>
                    <a:pt x="10355" y="52526"/>
                  </a:cubicBezTo>
                  <a:cubicBezTo>
                    <a:pt x="7309" y="58078"/>
                    <a:pt x="7309" y="58078"/>
                    <a:pt x="7309" y="58078"/>
                  </a:cubicBezTo>
                  <a:cubicBezTo>
                    <a:pt x="7309" y="58078"/>
                    <a:pt x="7309" y="58505"/>
                    <a:pt x="7918" y="58932"/>
                  </a:cubicBezTo>
                  <a:cubicBezTo>
                    <a:pt x="7918" y="58932"/>
                    <a:pt x="7918" y="59359"/>
                    <a:pt x="8527" y="59359"/>
                  </a:cubicBezTo>
                  <a:cubicBezTo>
                    <a:pt x="29847" y="64056"/>
                    <a:pt x="29847" y="64056"/>
                    <a:pt x="29847" y="64056"/>
                  </a:cubicBezTo>
                  <a:lnTo>
                    <a:pt x="15228" y="7088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1" name="Google Shape;595;p39"/>
            <p:cNvSpPr/>
            <p:nvPr/>
          </p:nvSpPr>
          <p:spPr>
            <a:xfrm>
              <a:off x="9925050" y="4203700"/>
              <a:ext cx="1133400" cy="10731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8301" y="0"/>
                  </a:moveTo>
                  <a:cubicBezTo>
                    <a:pt x="1698" y="0"/>
                    <a:pt x="1698" y="0"/>
                    <a:pt x="1698" y="0"/>
                  </a:cubicBezTo>
                  <a:cubicBezTo>
                    <a:pt x="566" y="0"/>
                    <a:pt x="0" y="600"/>
                    <a:pt x="0" y="1800"/>
                  </a:cubicBezTo>
                  <a:cubicBezTo>
                    <a:pt x="0" y="97200"/>
                    <a:pt x="0" y="97200"/>
                    <a:pt x="0" y="97200"/>
                  </a:cubicBezTo>
                  <a:cubicBezTo>
                    <a:pt x="0" y="97800"/>
                    <a:pt x="566" y="98400"/>
                    <a:pt x="1698" y="98400"/>
                  </a:cubicBezTo>
                  <a:cubicBezTo>
                    <a:pt x="78113" y="98400"/>
                    <a:pt x="78113" y="98400"/>
                    <a:pt x="78113" y="98400"/>
                  </a:cubicBezTo>
                  <a:cubicBezTo>
                    <a:pt x="107547" y="120000"/>
                    <a:pt x="107547" y="120000"/>
                    <a:pt x="107547" y="120000"/>
                  </a:cubicBezTo>
                  <a:cubicBezTo>
                    <a:pt x="108113" y="120000"/>
                    <a:pt x="108113" y="120000"/>
                    <a:pt x="108679" y="120000"/>
                  </a:cubicBezTo>
                  <a:cubicBezTo>
                    <a:pt x="108679" y="120000"/>
                    <a:pt x="109245" y="120000"/>
                    <a:pt x="109245" y="120000"/>
                  </a:cubicBezTo>
                  <a:cubicBezTo>
                    <a:pt x="109811" y="119400"/>
                    <a:pt x="109811" y="118800"/>
                    <a:pt x="109811" y="118200"/>
                  </a:cubicBezTo>
                  <a:cubicBezTo>
                    <a:pt x="100754" y="98400"/>
                    <a:pt x="100754" y="98400"/>
                    <a:pt x="100754" y="98400"/>
                  </a:cubicBezTo>
                  <a:cubicBezTo>
                    <a:pt x="118301" y="98400"/>
                    <a:pt x="118301" y="98400"/>
                    <a:pt x="118301" y="98400"/>
                  </a:cubicBezTo>
                  <a:cubicBezTo>
                    <a:pt x="119433" y="98400"/>
                    <a:pt x="120000" y="97800"/>
                    <a:pt x="120000" y="97200"/>
                  </a:cubicBezTo>
                  <a:cubicBezTo>
                    <a:pt x="120000" y="1800"/>
                    <a:pt x="120000" y="1800"/>
                    <a:pt x="120000" y="1800"/>
                  </a:cubicBezTo>
                  <a:cubicBezTo>
                    <a:pt x="120000" y="600"/>
                    <a:pt x="119433" y="0"/>
                    <a:pt x="118301" y="0"/>
                  </a:cubicBezTo>
                  <a:close/>
                  <a:moveTo>
                    <a:pt x="117169" y="96000"/>
                  </a:moveTo>
                  <a:cubicBezTo>
                    <a:pt x="99056" y="96000"/>
                    <a:pt x="99056" y="96000"/>
                    <a:pt x="99056" y="96000"/>
                  </a:cubicBezTo>
                  <a:cubicBezTo>
                    <a:pt x="98490" y="96000"/>
                    <a:pt x="97924" y="96000"/>
                    <a:pt x="97924" y="96600"/>
                  </a:cubicBezTo>
                  <a:cubicBezTo>
                    <a:pt x="97358" y="96600"/>
                    <a:pt x="97358" y="97200"/>
                    <a:pt x="97358" y="97800"/>
                  </a:cubicBezTo>
                  <a:cubicBezTo>
                    <a:pt x="105283" y="114600"/>
                    <a:pt x="105283" y="114600"/>
                    <a:pt x="105283" y="114600"/>
                  </a:cubicBezTo>
                  <a:cubicBezTo>
                    <a:pt x="79245" y="96000"/>
                    <a:pt x="79245" y="96000"/>
                    <a:pt x="79245" y="96000"/>
                  </a:cubicBezTo>
                  <a:cubicBezTo>
                    <a:pt x="79245" y="96000"/>
                    <a:pt x="78679" y="96000"/>
                    <a:pt x="78679" y="96000"/>
                  </a:cubicBezTo>
                  <a:cubicBezTo>
                    <a:pt x="2830" y="96000"/>
                    <a:pt x="2830" y="96000"/>
                    <a:pt x="2830" y="96000"/>
                  </a:cubicBezTo>
                  <a:cubicBezTo>
                    <a:pt x="2830" y="3000"/>
                    <a:pt x="2830" y="3000"/>
                    <a:pt x="2830" y="3000"/>
                  </a:cubicBezTo>
                  <a:cubicBezTo>
                    <a:pt x="117169" y="3000"/>
                    <a:pt x="117169" y="3000"/>
                    <a:pt x="117169" y="3000"/>
                  </a:cubicBezTo>
                  <a:lnTo>
                    <a:pt x="117169" y="9600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2" name="Google Shape;596;p39"/>
            <p:cNvSpPr/>
            <p:nvPr/>
          </p:nvSpPr>
          <p:spPr>
            <a:xfrm>
              <a:off x="10421938" y="4832350"/>
              <a:ext cx="139800" cy="27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0"/>
                  </a:moveTo>
                  <a:cubicBezTo>
                    <a:pt x="9230" y="0"/>
                    <a:pt x="9230" y="0"/>
                    <a:pt x="9230" y="0"/>
                  </a:cubicBezTo>
                  <a:cubicBezTo>
                    <a:pt x="4615" y="0"/>
                    <a:pt x="0" y="24000"/>
                    <a:pt x="0" y="48000"/>
                  </a:cubicBezTo>
                  <a:cubicBezTo>
                    <a:pt x="0" y="96000"/>
                    <a:pt x="4615" y="120000"/>
                    <a:pt x="9230" y="120000"/>
                  </a:cubicBezTo>
                  <a:cubicBezTo>
                    <a:pt x="110769" y="120000"/>
                    <a:pt x="110769" y="120000"/>
                    <a:pt x="110769" y="120000"/>
                  </a:cubicBezTo>
                  <a:cubicBezTo>
                    <a:pt x="115384" y="120000"/>
                    <a:pt x="120000" y="96000"/>
                    <a:pt x="120000" y="48000"/>
                  </a:cubicBezTo>
                  <a:cubicBezTo>
                    <a:pt x="120000" y="24000"/>
                    <a:pt x="115384" y="0"/>
                    <a:pt x="110769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3" name="Google Shape;597;p39"/>
            <p:cNvSpPr/>
            <p:nvPr/>
          </p:nvSpPr>
          <p:spPr>
            <a:xfrm>
              <a:off x="10421938" y="4875213"/>
              <a:ext cx="1398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10769" y="0"/>
                  </a:moveTo>
                  <a:cubicBezTo>
                    <a:pt x="9230" y="0"/>
                    <a:pt x="9230" y="0"/>
                    <a:pt x="9230" y="0"/>
                  </a:cubicBezTo>
                  <a:cubicBezTo>
                    <a:pt x="4615" y="0"/>
                    <a:pt x="0" y="30000"/>
                    <a:pt x="0" y="60000"/>
                  </a:cubicBezTo>
                  <a:cubicBezTo>
                    <a:pt x="0" y="90000"/>
                    <a:pt x="4615" y="120000"/>
                    <a:pt x="9230" y="120000"/>
                  </a:cubicBezTo>
                  <a:cubicBezTo>
                    <a:pt x="110769" y="120000"/>
                    <a:pt x="110769" y="120000"/>
                    <a:pt x="110769" y="120000"/>
                  </a:cubicBezTo>
                  <a:cubicBezTo>
                    <a:pt x="115384" y="120000"/>
                    <a:pt x="120000" y="90000"/>
                    <a:pt x="120000" y="60000"/>
                  </a:cubicBezTo>
                  <a:cubicBezTo>
                    <a:pt x="120000" y="30000"/>
                    <a:pt x="115384" y="0"/>
                    <a:pt x="110769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598;p39"/>
            <p:cNvSpPr/>
            <p:nvPr/>
          </p:nvSpPr>
          <p:spPr>
            <a:xfrm>
              <a:off x="10442575" y="4913313"/>
              <a:ext cx="96900" cy="255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00000" y="0"/>
                  </a:moveTo>
                  <a:cubicBezTo>
                    <a:pt x="20000" y="0"/>
                    <a:pt x="20000" y="0"/>
                    <a:pt x="20000" y="0"/>
                  </a:cubicBezTo>
                  <a:cubicBezTo>
                    <a:pt x="6666" y="0"/>
                    <a:pt x="0" y="24000"/>
                    <a:pt x="0" y="48000"/>
                  </a:cubicBezTo>
                  <a:cubicBezTo>
                    <a:pt x="0" y="96000"/>
                    <a:pt x="6666" y="120000"/>
                    <a:pt x="20000" y="120000"/>
                  </a:cubicBezTo>
                  <a:cubicBezTo>
                    <a:pt x="100000" y="120000"/>
                    <a:pt x="100000" y="120000"/>
                    <a:pt x="100000" y="120000"/>
                  </a:cubicBezTo>
                  <a:cubicBezTo>
                    <a:pt x="113333" y="120000"/>
                    <a:pt x="120000" y="96000"/>
                    <a:pt x="120000" y="48000"/>
                  </a:cubicBezTo>
                  <a:cubicBezTo>
                    <a:pt x="120000" y="24000"/>
                    <a:pt x="113333" y="0"/>
                    <a:pt x="100000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5" name="Google Shape;599;p39"/>
            <p:cNvSpPr/>
            <p:nvPr/>
          </p:nvSpPr>
          <p:spPr>
            <a:xfrm>
              <a:off x="10480675" y="4333875"/>
              <a:ext cx="22200" cy="906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60000" y="120000"/>
                  </a:moveTo>
                  <a:cubicBezTo>
                    <a:pt x="90000" y="120000"/>
                    <a:pt x="120000" y="112941"/>
                    <a:pt x="120000" y="105882"/>
                  </a:cubicBezTo>
                  <a:cubicBezTo>
                    <a:pt x="120000" y="14117"/>
                    <a:pt x="120000" y="14117"/>
                    <a:pt x="120000" y="14117"/>
                  </a:cubicBezTo>
                  <a:cubicBezTo>
                    <a:pt x="120000" y="7058"/>
                    <a:pt x="90000" y="0"/>
                    <a:pt x="60000" y="0"/>
                  </a:cubicBezTo>
                  <a:cubicBezTo>
                    <a:pt x="30000" y="0"/>
                    <a:pt x="0" y="7058"/>
                    <a:pt x="0" y="14117"/>
                  </a:cubicBezTo>
                  <a:cubicBezTo>
                    <a:pt x="0" y="105882"/>
                    <a:pt x="0" y="105882"/>
                    <a:pt x="0" y="105882"/>
                  </a:cubicBezTo>
                  <a:cubicBezTo>
                    <a:pt x="0" y="112941"/>
                    <a:pt x="30000" y="120000"/>
                    <a:pt x="60000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6" name="Google Shape;600;p39"/>
            <p:cNvSpPr/>
            <p:nvPr/>
          </p:nvSpPr>
          <p:spPr>
            <a:xfrm>
              <a:off x="10679113" y="4602163"/>
              <a:ext cx="747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0" y="60000"/>
                  </a:moveTo>
                  <a:cubicBezTo>
                    <a:pt x="0" y="90000"/>
                    <a:pt x="8571" y="120000"/>
                    <a:pt x="17142" y="120000"/>
                  </a:cubicBezTo>
                  <a:cubicBezTo>
                    <a:pt x="102857" y="120000"/>
                    <a:pt x="102857" y="120000"/>
                    <a:pt x="102857" y="120000"/>
                  </a:cubicBezTo>
                  <a:cubicBezTo>
                    <a:pt x="111428" y="120000"/>
                    <a:pt x="119999" y="90000"/>
                    <a:pt x="119999" y="60000"/>
                  </a:cubicBezTo>
                  <a:cubicBezTo>
                    <a:pt x="119999" y="30000"/>
                    <a:pt x="111428" y="0"/>
                    <a:pt x="102857" y="0"/>
                  </a:cubicBezTo>
                  <a:cubicBezTo>
                    <a:pt x="17142" y="0"/>
                    <a:pt x="17142" y="0"/>
                    <a:pt x="17142" y="0"/>
                  </a:cubicBezTo>
                  <a:cubicBezTo>
                    <a:pt x="8571" y="0"/>
                    <a:pt x="0" y="30000"/>
                    <a:pt x="0" y="6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7" name="Google Shape;601;p39"/>
            <p:cNvSpPr/>
            <p:nvPr/>
          </p:nvSpPr>
          <p:spPr>
            <a:xfrm>
              <a:off x="10229850" y="4602163"/>
              <a:ext cx="74700" cy="207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7142" y="120000"/>
                  </a:moveTo>
                  <a:cubicBezTo>
                    <a:pt x="102857" y="120000"/>
                    <a:pt x="102857" y="120000"/>
                    <a:pt x="102857" y="120000"/>
                  </a:cubicBezTo>
                  <a:cubicBezTo>
                    <a:pt x="111428" y="120000"/>
                    <a:pt x="119999" y="90000"/>
                    <a:pt x="119999" y="60000"/>
                  </a:cubicBezTo>
                  <a:cubicBezTo>
                    <a:pt x="119999" y="30000"/>
                    <a:pt x="111428" y="0"/>
                    <a:pt x="102857" y="0"/>
                  </a:cubicBezTo>
                  <a:cubicBezTo>
                    <a:pt x="17142" y="0"/>
                    <a:pt x="17142" y="0"/>
                    <a:pt x="17142" y="0"/>
                  </a:cubicBezTo>
                  <a:cubicBezTo>
                    <a:pt x="8571" y="0"/>
                    <a:pt x="0" y="30000"/>
                    <a:pt x="0" y="60000"/>
                  </a:cubicBezTo>
                  <a:cubicBezTo>
                    <a:pt x="0" y="90000"/>
                    <a:pt x="8571" y="120000"/>
                    <a:pt x="17142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8" name="Google Shape;602;p39"/>
            <p:cNvSpPr/>
            <p:nvPr/>
          </p:nvSpPr>
          <p:spPr>
            <a:xfrm>
              <a:off x="10282238" y="4402138"/>
              <a:ext cx="81000" cy="81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88000" y="112000"/>
                  </a:moveTo>
                  <a:cubicBezTo>
                    <a:pt x="88000" y="120000"/>
                    <a:pt x="96000" y="120000"/>
                    <a:pt x="104000" y="120000"/>
                  </a:cubicBezTo>
                  <a:cubicBezTo>
                    <a:pt x="104000" y="120000"/>
                    <a:pt x="112000" y="120000"/>
                    <a:pt x="112000" y="112000"/>
                  </a:cubicBezTo>
                  <a:cubicBezTo>
                    <a:pt x="120000" y="112000"/>
                    <a:pt x="120000" y="96000"/>
                    <a:pt x="112000" y="88000"/>
                  </a:cubicBezTo>
                  <a:cubicBezTo>
                    <a:pt x="32000" y="8000"/>
                    <a:pt x="32000" y="8000"/>
                    <a:pt x="32000" y="8000"/>
                  </a:cubicBezTo>
                  <a:cubicBezTo>
                    <a:pt x="32000" y="0"/>
                    <a:pt x="16000" y="0"/>
                    <a:pt x="8000" y="8000"/>
                  </a:cubicBezTo>
                  <a:cubicBezTo>
                    <a:pt x="0" y="16000"/>
                    <a:pt x="0" y="32000"/>
                    <a:pt x="8000" y="40000"/>
                  </a:cubicBezTo>
                  <a:lnTo>
                    <a:pt x="88000" y="11200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" name="Google Shape;603;p39"/>
            <p:cNvSpPr/>
            <p:nvPr/>
          </p:nvSpPr>
          <p:spPr>
            <a:xfrm>
              <a:off x="10620375" y="4402138"/>
              <a:ext cx="79500" cy="810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6000" y="120000"/>
                  </a:moveTo>
                  <a:cubicBezTo>
                    <a:pt x="24000" y="120000"/>
                    <a:pt x="32000" y="120000"/>
                    <a:pt x="32000" y="112000"/>
                  </a:cubicBezTo>
                  <a:cubicBezTo>
                    <a:pt x="112000" y="40000"/>
                    <a:pt x="112000" y="40000"/>
                    <a:pt x="112000" y="40000"/>
                  </a:cubicBezTo>
                  <a:cubicBezTo>
                    <a:pt x="120000" y="32000"/>
                    <a:pt x="120000" y="16000"/>
                    <a:pt x="112000" y="8000"/>
                  </a:cubicBezTo>
                  <a:cubicBezTo>
                    <a:pt x="104000" y="0"/>
                    <a:pt x="88000" y="0"/>
                    <a:pt x="88000" y="8000"/>
                  </a:cubicBezTo>
                  <a:cubicBezTo>
                    <a:pt x="8000" y="88000"/>
                    <a:pt x="8000" y="88000"/>
                    <a:pt x="8000" y="88000"/>
                  </a:cubicBezTo>
                  <a:cubicBezTo>
                    <a:pt x="0" y="96000"/>
                    <a:pt x="0" y="112000"/>
                    <a:pt x="8000" y="112000"/>
                  </a:cubicBezTo>
                  <a:cubicBezTo>
                    <a:pt x="8000" y="120000"/>
                    <a:pt x="16000" y="120000"/>
                    <a:pt x="16000" y="12000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0" name="Google Shape;604;p39"/>
            <p:cNvSpPr/>
            <p:nvPr/>
          </p:nvSpPr>
          <p:spPr>
            <a:xfrm>
              <a:off x="10347325" y="4478338"/>
              <a:ext cx="288900" cy="331800"/>
            </a:xfrm>
            <a:custGeom>
              <a:avLst/>
              <a:gdLst/>
              <a:ahLst/>
              <a:cxnLst/>
              <a:rect l="l" t="t" r="r" b="b"/>
              <a:pathLst>
                <a:path w="120000" h="120000" extrusionOk="0">
                  <a:moveTo>
                    <a:pt x="17777" y="89032"/>
                  </a:moveTo>
                  <a:cubicBezTo>
                    <a:pt x="26666" y="96774"/>
                    <a:pt x="31111" y="106451"/>
                    <a:pt x="31111" y="116129"/>
                  </a:cubicBezTo>
                  <a:cubicBezTo>
                    <a:pt x="31111" y="118064"/>
                    <a:pt x="33333" y="120000"/>
                    <a:pt x="35555" y="120000"/>
                  </a:cubicBezTo>
                  <a:cubicBezTo>
                    <a:pt x="82222" y="120000"/>
                    <a:pt x="82222" y="120000"/>
                    <a:pt x="82222" y="120000"/>
                  </a:cubicBezTo>
                  <a:cubicBezTo>
                    <a:pt x="84444" y="120000"/>
                    <a:pt x="86666" y="118064"/>
                    <a:pt x="86666" y="116129"/>
                  </a:cubicBezTo>
                  <a:cubicBezTo>
                    <a:pt x="86666" y="114193"/>
                    <a:pt x="86666" y="114193"/>
                    <a:pt x="86666" y="114193"/>
                  </a:cubicBezTo>
                  <a:cubicBezTo>
                    <a:pt x="86666" y="106451"/>
                    <a:pt x="91111" y="96774"/>
                    <a:pt x="100000" y="90967"/>
                  </a:cubicBezTo>
                  <a:cubicBezTo>
                    <a:pt x="113333" y="81290"/>
                    <a:pt x="120000" y="67741"/>
                    <a:pt x="120000" y="52258"/>
                  </a:cubicBezTo>
                  <a:cubicBezTo>
                    <a:pt x="120000" y="38709"/>
                    <a:pt x="111111" y="25161"/>
                    <a:pt x="100000" y="15483"/>
                  </a:cubicBezTo>
                  <a:cubicBezTo>
                    <a:pt x="86666" y="3870"/>
                    <a:pt x="68888" y="0"/>
                    <a:pt x="53333" y="1935"/>
                  </a:cubicBezTo>
                  <a:cubicBezTo>
                    <a:pt x="26666" y="3870"/>
                    <a:pt x="4444" y="23225"/>
                    <a:pt x="0" y="46451"/>
                  </a:cubicBezTo>
                  <a:cubicBezTo>
                    <a:pt x="0" y="63870"/>
                    <a:pt x="4444" y="79354"/>
                    <a:pt x="17777" y="89032"/>
                  </a:cubicBezTo>
                  <a:close/>
                  <a:moveTo>
                    <a:pt x="11111" y="48387"/>
                  </a:moveTo>
                  <a:cubicBezTo>
                    <a:pt x="13333" y="29032"/>
                    <a:pt x="31111" y="13548"/>
                    <a:pt x="53333" y="11612"/>
                  </a:cubicBezTo>
                  <a:cubicBezTo>
                    <a:pt x="68888" y="9677"/>
                    <a:pt x="82222" y="13548"/>
                    <a:pt x="93333" y="21290"/>
                  </a:cubicBezTo>
                  <a:cubicBezTo>
                    <a:pt x="102222" y="29032"/>
                    <a:pt x="108888" y="40645"/>
                    <a:pt x="108888" y="52258"/>
                  </a:cubicBezTo>
                  <a:cubicBezTo>
                    <a:pt x="108888" y="65806"/>
                    <a:pt x="102222" y="75483"/>
                    <a:pt x="93333" y="85161"/>
                  </a:cubicBezTo>
                  <a:cubicBezTo>
                    <a:pt x="84444" y="90967"/>
                    <a:pt x="77777" y="102580"/>
                    <a:pt x="77777" y="112258"/>
                  </a:cubicBezTo>
                  <a:cubicBezTo>
                    <a:pt x="40000" y="112258"/>
                    <a:pt x="40000" y="112258"/>
                    <a:pt x="40000" y="112258"/>
                  </a:cubicBezTo>
                  <a:cubicBezTo>
                    <a:pt x="40000" y="100645"/>
                    <a:pt x="33333" y="90967"/>
                    <a:pt x="26666" y="83225"/>
                  </a:cubicBezTo>
                  <a:cubicBezTo>
                    <a:pt x="15555" y="73548"/>
                    <a:pt x="8888" y="61935"/>
                    <a:pt x="11111" y="48387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21" name="TextBox 20"/>
          <p:cNvSpPr txBox="1"/>
          <p:nvPr/>
        </p:nvSpPr>
        <p:spPr>
          <a:xfrm>
            <a:off x="3635896" y="2204863"/>
            <a:ext cx="2012377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sz="3200" dirty="0" smtClean="0">
                <a:solidFill>
                  <a:schemeClr val="bg1"/>
                </a:solidFill>
              </a:rPr>
              <a:t>Отладчик </a:t>
            </a:r>
            <a:r>
              <a:rPr lang="en-US" sz="3200" dirty="0" err="1" smtClean="0">
                <a:solidFill>
                  <a:schemeClr val="bg1"/>
                </a:solidFill>
              </a:rPr>
              <a:t>PyCharm</a:t>
            </a:r>
            <a:endParaRPr lang="ru-RU" sz="3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28558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Схема 2"/>
          <p:cNvGraphicFramePr/>
          <p:nvPr>
            <p:extLst>
              <p:ext uri="{D42A27DB-BD31-4B8C-83A1-F6EECF244321}">
                <p14:modId xmlns:p14="http://schemas.microsoft.com/office/powerpoint/2010/main" val="1687073173"/>
              </p:ext>
            </p:extLst>
          </p:nvPr>
        </p:nvGraphicFramePr>
        <p:xfrm>
          <a:off x="0" y="1700808"/>
          <a:ext cx="4572000" cy="43924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4" name="Схема 3"/>
          <p:cNvGraphicFramePr/>
          <p:nvPr>
            <p:extLst>
              <p:ext uri="{D42A27DB-BD31-4B8C-83A1-F6EECF244321}">
                <p14:modId xmlns:p14="http://schemas.microsoft.com/office/powerpoint/2010/main" val="457950764"/>
              </p:ext>
            </p:extLst>
          </p:nvPr>
        </p:nvGraphicFramePr>
        <p:xfrm>
          <a:off x="4572000" y="1700808"/>
          <a:ext cx="4464496" cy="43924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123728" y="980728"/>
            <a:ext cx="576064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sz="4400" dirty="0" smtClean="0">
                <a:solidFill>
                  <a:schemeClr val="bg1"/>
                </a:solidFill>
              </a:rPr>
              <a:t>Результаты проекта</a:t>
            </a:r>
            <a:endParaRPr lang="ru-RU" sz="4400" dirty="0">
              <a:solidFill>
                <a:schemeClr val="bg1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2253711" y="6021131"/>
            <a:ext cx="576064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kk-KZ" sz="4400" dirty="0" smtClean="0">
                <a:solidFill>
                  <a:schemeClr val="bg1"/>
                </a:solidFill>
              </a:rPr>
              <a:t>Спасибо за внимание</a:t>
            </a:r>
            <a:r>
              <a:rPr lang="en-US" sz="4400" smtClean="0">
                <a:solidFill>
                  <a:schemeClr val="bg1"/>
                </a:solidFill>
              </a:rPr>
              <a:t>!</a:t>
            </a:r>
            <a:endParaRPr lang="ru-RU" sz="4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480133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32</TotalTime>
  <Words>148</Words>
  <Application>Microsoft Office PowerPoint</Application>
  <PresentationFormat>Экран (4:3)</PresentationFormat>
  <Paragraphs>58</Paragraphs>
  <Slides>6</Slides>
  <Notes>1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3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6</vt:i4>
      </vt:variant>
    </vt:vector>
  </HeadingPairs>
  <TitlesOfParts>
    <vt:vector size="10" baseType="lpstr">
      <vt:lpstr>Arial</vt:lpstr>
      <vt:lpstr>Calibri</vt:lpstr>
      <vt:lpstr>Futura Md BT</vt:lpstr>
      <vt:lpstr>Тема Office</vt:lpstr>
      <vt:lpstr>Цифровое лето-2019</vt:lpstr>
      <vt:lpstr>Цифровое лето-2019</vt:lpstr>
      <vt:lpstr>Презентация PowerPoint</vt:lpstr>
      <vt:lpstr>Извлечение счетов-фактур</vt:lpstr>
      <vt:lpstr>Проблемы в проекте?</vt:lpstr>
      <vt:lpstr>Презентация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Here</dc:title>
  <dc:creator>1</dc:creator>
  <cp:lastModifiedBy>asus</cp:lastModifiedBy>
  <cp:revision>26</cp:revision>
  <dcterms:created xsi:type="dcterms:W3CDTF">2013-08-02T12:50:28Z</dcterms:created>
  <dcterms:modified xsi:type="dcterms:W3CDTF">2019-09-12T07:02:06Z</dcterms:modified>
</cp:coreProperties>
</file>